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66925"/>
  <mc:AlternateContent xmlns:mc="http://schemas.openxmlformats.org/markup-compatibility/2006">
    <mc:Choice Requires="x15">
      <x15ac:absPath xmlns:x15ac="http://schemas.microsoft.com/office/spreadsheetml/2010/11/ac" url="D:\Iskola\Informatika\Excel\i584\"/>
    </mc:Choice>
  </mc:AlternateContent>
  <xr:revisionPtr revIDLastSave="0" documentId="13_ncr:1_{27DE235F-A919-425A-8566-E7FB7D088FED}" xr6:coauthVersionLast="47" xr6:coauthVersionMax="47" xr10:uidLastSave="{00000000-0000-0000-0000-000000000000}"/>
  <bookViews>
    <workbookView xWindow="-120" yWindow="-120" windowWidth="29040" windowHeight="15720" xr2:uid="{C71D310A-7B76-480D-AD63-1BB4FD0D9712}"/>
  </bookViews>
  <sheets>
    <sheet name="bathbankja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J5" i="1" l="1"/>
  <c r="K5" i="1"/>
  <c r="L5" i="1"/>
  <c r="M5" i="1"/>
  <c r="N5" i="1"/>
  <c r="O5" i="1"/>
  <c r="P5" i="1"/>
  <c r="Q5" i="1"/>
  <c r="R5" i="1"/>
  <c r="S5" i="1"/>
  <c r="T5" i="1"/>
  <c r="U5" i="1"/>
  <c r="V5" i="1"/>
  <c r="W5" i="1"/>
  <c r="X5" i="1"/>
  <c r="Y5" i="1"/>
  <c r="Z5" i="1"/>
  <c r="AA5" i="1"/>
  <c r="AB5" i="1"/>
  <c r="AC5" i="1"/>
  <c r="AD5" i="1"/>
  <c r="AE5" i="1"/>
  <c r="AF5" i="1"/>
  <c r="AG5" i="1"/>
  <c r="D3" i="1"/>
  <c r="D5" i="1" s="1"/>
  <c r="E3" i="1"/>
  <c r="E5" i="1" s="1"/>
  <c r="F3" i="1"/>
  <c r="F5" i="1" s="1"/>
  <c r="G3" i="1"/>
  <c r="G5" i="1" s="1"/>
  <c r="H3" i="1"/>
  <c r="H5" i="1" s="1"/>
  <c r="I3" i="1"/>
  <c r="I5" i="1" s="1"/>
  <c r="J3" i="1"/>
  <c r="K3" i="1"/>
  <c r="L3" i="1"/>
  <c r="M3" i="1"/>
  <c r="N3" i="1"/>
  <c r="O3" i="1"/>
  <c r="P3" i="1"/>
  <c r="Q3" i="1"/>
  <c r="R3" i="1"/>
  <c r="S3" i="1"/>
  <c r="T3" i="1"/>
  <c r="U3" i="1"/>
  <c r="V3" i="1"/>
  <c r="W3" i="1"/>
  <c r="X3" i="1"/>
  <c r="Y3" i="1"/>
  <c r="Z3" i="1"/>
  <c r="AA3" i="1"/>
  <c r="AB3" i="1"/>
  <c r="AC3" i="1"/>
  <c r="AD3" i="1"/>
  <c r="AE3" i="1"/>
  <c r="AF3" i="1"/>
  <c r="AG3" i="1"/>
  <c r="B6" i="1" l="1"/>
  <c r="E6" i="1" l="1"/>
  <c r="M6" i="1"/>
  <c r="U6" i="1"/>
  <c r="AC6" i="1"/>
  <c r="X6" i="1"/>
  <c r="L6" i="1"/>
  <c r="AB6" i="1"/>
  <c r="F6" i="1"/>
  <c r="N6" i="1"/>
  <c r="V6" i="1"/>
  <c r="AD6" i="1"/>
  <c r="P6" i="1"/>
  <c r="J6" i="1"/>
  <c r="Z6" i="1"/>
  <c r="S6" i="1"/>
  <c r="G6" i="1"/>
  <c r="O6" i="1"/>
  <c r="W6" i="1"/>
  <c r="AE6" i="1"/>
  <c r="H6" i="1"/>
  <c r="AF6" i="1"/>
  <c r="R6" i="1"/>
  <c r="K6" i="1"/>
  <c r="AA6" i="1"/>
  <c r="I6" i="1"/>
  <c r="Q6" i="1"/>
  <c r="Y6" i="1"/>
  <c r="AG6" i="1"/>
  <c r="T6" i="1"/>
  <c r="D6" i="1"/>
  <c r="B7" i="1" l="1"/>
  <c r="D7" i="1" l="1"/>
  <c r="L7" i="1"/>
  <c r="T7" i="1"/>
  <c r="AB7" i="1"/>
  <c r="E7" i="1"/>
  <c r="M7" i="1"/>
  <c r="U7" i="1"/>
  <c r="AC7" i="1"/>
  <c r="F7" i="1"/>
  <c r="N7" i="1"/>
  <c r="V7" i="1"/>
  <c r="AD7" i="1"/>
  <c r="G7" i="1"/>
  <c r="O7" i="1"/>
  <c r="W7" i="1"/>
  <c r="AE7" i="1"/>
  <c r="H7" i="1"/>
  <c r="P7" i="1"/>
  <c r="X7" i="1"/>
  <c r="AF7" i="1"/>
  <c r="I7" i="1"/>
  <c r="Q7" i="1"/>
  <c r="Y7" i="1"/>
  <c r="AG7" i="1"/>
  <c r="J7" i="1"/>
  <c r="K7" i="1"/>
  <c r="R7" i="1"/>
  <c r="S7" i="1"/>
  <c r="Z7" i="1"/>
  <c r="AA7" i="1"/>
  <c r="B8" i="1"/>
  <c r="F8" i="1" l="1"/>
  <c r="N8" i="1"/>
  <c r="V8" i="1"/>
  <c r="AD8" i="1"/>
  <c r="G8" i="1"/>
  <c r="O8" i="1"/>
  <c r="W8" i="1"/>
  <c r="AE8" i="1"/>
  <c r="H8" i="1"/>
  <c r="P8" i="1"/>
  <c r="X8" i="1"/>
  <c r="AF8" i="1"/>
  <c r="I8" i="1"/>
  <c r="Q8" i="1"/>
  <c r="Y8" i="1"/>
  <c r="AG8" i="1"/>
  <c r="J8" i="1"/>
  <c r="R8" i="1"/>
  <c r="Z8" i="1"/>
  <c r="K8" i="1"/>
  <c r="S8" i="1"/>
  <c r="AA8" i="1"/>
  <c r="L8" i="1"/>
  <c r="M8" i="1"/>
  <c r="T8" i="1"/>
  <c r="U8" i="1"/>
  <c r="AB8" i="1"/>
  <c r="D8" i="1"/>
  <c r="E8" i="1"/>
  <c r="AC8" i="1"/>
  <c r="B9" i="1"/>
  <c r="H9" i="1" l="1"/>
  <c r="P9" i="1"/>
  <c r="X9" i="1"/>
  <c r="AF9" i="1"/>
  <c r="I9" i="1"/>
  <c r="Q9" i="1"/>
  <c r="Y9" i="1"/>
  <c r="AG9" i="1"/>
  <c r="J9" i="1"/>
  <c r="R9" i="1"/>
  <c r="Z9" i="1"/>
  <c r="K9" i="1"/>
  <c r="S9" i="1"/>
  <c r="AA9" i="1"/>
  <c r="D9" i="1"/>
  <c r="L9" i="1"/>
  <c r="T9" i="1"/>
  <c r="AB9" i="1"/>
  <c r="E9" i="1"/>
  <c r="M9" i="1"/>
  <c r="U9" i="1"/>
  <c r="AC9" i="1"/>
  <c r="N9" i="1"/>
  <c r="O9" i="1"/>
  <c r="V9" i="1"/>
  <c r="W9" i="1"/>
  <c r="AD9" i="1"/>
  <c r="F9" i="1"/>
  <c r="AE9" i="1"/>
  <c r="G9" i="1"/>
  <c r="B10" i="1"/>
  <c r="J10" i="1" l="1"/>
  <c r="R10" i="1"/>
  <c r="Z10" i="1"/>
  <c r="K10" i="1"/>
  <c r="S10" i="1"/>
  <c r="AA10" i="1"/>
  <c r="D10" i="1"/>
  <c r="L10" i="1"/>
  <c r="T10" i="1"/>
  <c r="AB10" i="1"/>
  <c r="E10" i="1"/>
  <c r="M10" i="1"/>
  <c r="U10" i="1"/>
  <c r="AC10" i="1"/>
  <c r="F10" i="1"/>
  <c r="N10" i="1"/>
  <c r="V10" i="1"/>
  <c r="AD10" i="1"/>
  <c r="G10" i="1"/>
  <c r="O10" i="1"/>
  <c r="W10" i="1"/>
  <c r="AE10" i="1"/>
  <c r="P10" i="1"/>
  <c r="Q10" i="1"/>
  <c r="X10" i="1"/>
  <c r="Y10" i="1"/>
  <c r="AF10" i="1"/>
  <c r="I10" i="1"/>
  <c r="AG10" i="1"/>
  <c r="H10" i="1"/>
  <c r="B11" i="1" l="1"/>
  <c r="D11" i="1" s="1"/>
  <c r="E11" i="1"/>
  <c r="M11" i="1"/>
  <c r="U11" i="1"/>
  <c r="AC11" i="1"/>
  <c r="N11" i="1"/>
  <c r="V11" i="1"/>
  <c r="G11" i="1"/>
  <c r="O11" i="1"/>
  <c r="W11" i="1"/>
  <c r="AE11" i="1"/>
  <c r="P11" i="1"/>
  <c r="X11" i="1"/>
  <c r="AF11" i="1"/>
  <c r="Q11" i="1"/>
  <c r="Y11" i="1"/>
  <c r="AG11" i="1"/>
  <c r="S11" i="1"/>
  <c r="Z11" i="1"/>
  <c r="AA11" i="1"/>
  <c r="J11" i="1"/>
  <c r="K11" i="1"/>
  <c r="AB11" i="1" l="1"/>
  <c r="I11" i="1"/>
  <c r="AD11" i="1"/>
  <c r="T11" i="1"/>
  <c r="L11" i="1"/>
  <c r="R11" i="1"/>
  <c r="H11" i="1"/>
  <c r="F11" i="1"/>
  <c r="B12" i="1" s="1"/>
  <c r="AD12" i="1" l="1"/>
  <c r="AF12" i="1"/>
  <c r="K12" i="1"/>
  <c r="E12" i="1"/>
  <c r="S12" i="1"/>
  <c r="Y12" i="1"/>
  <c r="J12" i="1"/>
  <c r="N12" i="1"/>
  <c r="V12" i="1"/>
  <c r="Z12" i="1"/>
  <c r="G12" i="1"/>
  <c r="I12" i="1"/>
  <c r="L12" i="1"/>
  <c r="O12" i="1"/>
  <c r="AA12" i="1"/>
  <c r="M12" i="1"/>
  <c r="AG12" i="1"/>
  <c r="F12" i="1"/>
  <c r="AB12" i="1"/>
  <c r="R12" i="1"/>
  <c r="X12" i="1"/>
  <c r="Q12" i="1"/>
  <c r="W12" i="1"/>
  <c r="T12" i="1"/>
  <c r="AE12" i="1"/>
  <c r="U12" i="1"/>
  <c r="H12" i="1"/>
  <c r="P12" i="1"/>
  <c r="AC12" i="1"/>
  <c r="D12" i="1"/>
  <c r="B13" i="1" s="1"/>
  <c r="X13" i="1" s="1"/>
  <c r="AB13" i="1" l="1"/>
  <c r="J13" i="1"/>
  <c r="AE13" i="1"/>
  <c r="P13" i="1"/>
  <c r="T13" i="1"/>
  <c r="W13" i="1"/>
  <c r="AG13" i="1"/>
  <c r="R13" i="1"/>
  <c r="AD13" i="1"/>
  <c r="H13" i="1"/>
  <c r="L13" i="1"/>
  <c r="Y13" i="1"/>
  <c r="AC13" i="1"/>
  <c r="Q13" i="1"/>
  <c r="O13" i="1"/>
  <c r="S13" i="1"/>
  <c r="K13" i="1"/>
  <c r="V13" i="1"/>
  <c r="D13" i="1"/>
  <c r="G13" i="1"/>
  <c r="AA13" i="1"/>
  <c r="U13" i="1"/>
  <c r="I13" i="1"/>
  <c r="N13" i="1"/>
  <c r="M13" i="1"/>
  <c r="AF13" i="1"/>
  <c r="F13" i="1"/>
  <c r="E13" i="1"/>
  <c r="Z13" i="1"/>
  <c r="B14" i="1" l="1"/>
  <c r="K14" i="1" l="1"/>
  <c r="M14" i="1"/>
  <c r="O14" i="1"/>
  <c r="I14" i="1"/>
  <c r="S14" i="1"/>
  <c r="U14" i="1"/>
  <c r="W14" i="1"/>
  <c r="P14" i="1"/>
  <c r="X14" i="1"/>
  <c r="L14" i="1"/>
  <c r="Y14" i="1"/>
  <c r="J14" i="1"/>
  <c r="V14" i="1"/>
  <c r="AB14" i="1"/>
  <c r="AG14" i="1"/>
  <c r="Z14" i="1"/>
  <c r="E14" i="1"/>
  <c r="AA14" i="1"/>
  <c r="AE14" i="1"/>
  <c r="Q14" i="1"/>
  <c r="D14" i="1"/>
  <c r="F14" i="1"/>
  <c r="AC14" i="1"/>
  <c r="N14" i="1"/>
  <c r="T14" i="1"/>
  <c r="AF14" i="1"/>
  <c r="R14" i="1"/>
  <c r="AD14" i="1"/>
  <c r="H14" i="1"/>
  <c r="G14" i="1"/>
  <c r="B15" i="1" l="1"/>
  <c r="AC15" i="1" l="1"/>
  <c r="AE15" i="1"/>
  <c r="AG15" i="1"/>
  <c r="D15" i="1"/>
  <c r="F15" i="1"/>
  <c r="H15" i="1"/>
  <c r="L15" i="1"/>
  <c r="N15" i="1"/>
  <c r="P15" i="1"/>
  <c r="AA15" i="1"/>
  <c r="T15" i="1"/>
  <c r="V15" i="1"/>
  <c r="X15" i="1"/>
  <c r="J15" i="1"/>
  <c r="AB15" i="1"/>
  <c r="AD15" i="1"/>
  <c r="K15" i="1"/>
  <c r="I15" i="1"/>
  <c r="M15" i="1"/>
  <c r="Q15" i="1"/>
  <c r="U15" i="1"/>
  <c r="Y15" i="1"/>
  <c r="Z15" i="1"/>
  <c r="AF15" i="1"/>
  <c r="G15" i="1"/>
  <c r="R15" i="1"/>
  <c r="O15" i="1"/>
  <c r="S15" i="1"/>
  <c r="W15" i="1"/>
  <c r="E15" i="1"/>
  <c r="B16" i="1" l="1"/>
  <c r="V16" i="1" s="1"/>
  <c r="S16" i="1"/>
  <c r="L16" i="1"/>
  <c r="AD16" i="1"/>
  <c r="AF16" i="1"/>
  <c r="AA16" i="1"/>
  <c r="M16" i="1"/>
  <c r="R16" i="1"/>
  <c r="Q16" i="1"/>
  <c r="T16" i="1"/>
  <c r="J16" i="1"/>
  <c r="I16" i="1"/>
  <c r="O16" i="1"/>
  <c r="Z16" i="1"/>
  <c r="Y16" i="1"/>
  <c r="P16" i="1"/>
  <c r="U16" i="1"/>
  <c r="D16" i="1"/>
  <c r="AG16" i="1"/>
  <c r="AB16" i="1"/>
  <c r="E16" i="1"/>
  <c r="N16" i="1"/>
  <c r="F16" i="1"/>
  <c r="AC16" i="1"/>
  <c r="AE16" i="1"/>
  <c r="H16" i="1"/>
  <c r="K16" i="1"/>
  <c r="X16" i="1" l="1"/>
  <c r="W16" i="1"/>
  <c r="G16" i="1"/>
  <c r="B17" i="1" s="1"/>
  <c r="P17" i="1" l="1"/>
  <c r="T17" i="1"/>
  <c r="G17" i="1"/>
  <c r="V17" i="1"/>
  <c r="AA17" i="1"/>
  <c r="L17" i="1"/>
  <c r="E17" i="1"/>
  <c r="F17" i="1"/>
  <c r="S17" i="1"/>
  <c r="Z17" i="1"/>
  <c r="H17" i="1"/>
  <c r="Q17" i="1"/>
  <c r="AG17" i="1"/>
  <c r="N17" i="1"/>
  <c r="AD17" i="1"/>
  <c r="AF17" i="1"/>
  <c r="U17" i="1"/>
  <c r="D17" i="1"/>
  <c r="K17" i="1"/>
  <c r="O17" i="1"/>
  <c r="I17" i="1"/>
  <c r="AB17" i="1"/>
  <c r="AC17" i="1"/>
  <c r="Y17" i="1"/>
  <c r="M17" i="1"/>
  <c r="W17" i="1"/>
  <c r="R17" i="1"/>
  <c r="X17" i="1"/>
  <c r="J17" i="1"/>
  <c r="AE17" i="1"/>
  <c r="B18" i="1"/>
  <c r="Z18" i="1" l="1"/>
  <c r="E18" i="1"/>
  <c r="F18" i="1"/>
  <c r="P18" i="1"/>
  <c r="K18" i="1"/>
  <c r="Y18" i="1"/>
  <c r="Q18" i="1"/>
  <c r="S18" i="1"/>
  <c r="V18" i="1"/>
  <c r="AD18" i="1"/>
  <c r="D18" i="1"/>
  <c r="B19" i="1" s="1"/>
  <c r="AG18" i="1"/>
  <c r="M18" i="1"/>
  <c r="U18" i="1"/>
  <c r="AA18" i="1"/>
  <c r="X18" i="1"/>
  <c r="I18" i="1"/>
  <c r="O18" i="1"/>
  <c r="J18" i="1"/>
  <c r="W18" i="1"/>
  <c r="R18" i="1"/>
  <c r="AE18" i="1"/>
  <c r="H18" i="1"/>
  <c r="AC18" i="1"/>
  <c r="G18" i="1"/>
  <c r="L18" i="1"/>
  <c r="AF18" i="1"/>
  <c r="N18" i="1"/>
  <c r="AB18" i="1"/>
  <c r="T18" i="1"/>
  <c r="T19" i="1" l="1"/>
  <c r="V19" i="1"/>
  <c r="Q19" i="1"/>
  <c r="I19" i="1"/>
  <c r="AB19" i="1"/>
  <c r="AD19" i="1"/>
  <c r="J19" i="1"/>
  <c r="G19" i="1"/>
  <c r="K19" i="1"/>
  <c r="O19" i="1"/>
  <c r="Y19" i="1"/>
  <c r="H19" i="1"/>
  <c r="F19" i="1"/>
  <c r="Z19" i="1"/>
  <c r="AG19" i="1"/>
  <c r="E19" i="1"/>
  <c r="M19" i="1"/>
  <c r="W19" i="1"/>
  <c r="X19" i="1"/>
  <c r="D19" i="1"/>
  <c r="P19" i="1"/>
  <c r="L19" i="1"/>
  <c r="AA19" i="1"/>
  <c r="R19" i="1"/>
  <c r="S19" i="1"/>
  <c r="U19" i="1"/>
  <c r="AC19" i="1"/>
  <c r="AE19" i="1"/>
  <c r="N19" i="1"/>
  <c r="AF19" i="1"/>
  <c r="B20" i="1" l="1"/>
  <c r="V20" i="1" l="1"/>
  <c r="X20" i="1"/>
  <c r="D20" i="1"/>
  <c r="M20" i="1"/>
  <c r="G20" i="1"/>
  <c r="E20" i="1"/>
  <c r="O20" i="1"/>
  <c r="U20" i="1"/>
  <c r="AG20" i="1"/>
  <c r="K20" i="1"/>
  <c r="N20" i="1"/>
  <c r="AD20" i="1"/>
  <c r="AF20" i="1"/>
  <c r="T20" i="1"/>
  <c r="AC20" i="1"/>
  <c r="AA20" i="1"/>
  <c r="Q20" i="1"/>
  <c r="AB20" i="1"/>
  <c r="Y20" i="1"/>
  <c r="R20" i="1"/>
  <c r="S20" i="1"/>
  <c r="I20" i="1"/>
  <c r="W20" i="1"/>
  <c r="J20" i="1"/>
  <c r="Z20" i="1"/>
  <c r="P20" i="1"/>
  <c r="AE20" i="1"/>
  <c r="F20" i="1"/>
  <c r="H20" i="1"/>
  <c r="L20" i="1"/>
  <c r="B21" i="1" l="1"/>
  <c r="AG21" i="1" l="1"/>
  <c r="AE21" i="1"/>
  <c r="Z21" i="1"/>
  <c r="P21" i="1"/>
  <c r="N21" i="1"/>
  <c r="K21" i="1"/>
  <c r="O21" i="1"/>
  <c r="S21" i="1"/>
  <c r="AB21" i="1"/>
  <c r="AA21" i="1"/>
  <c r="AC21" i="1"/>
  <c r="D21" i="1"/>
  <c r="AD21" i="1"/>
  <c r="T21" i="1"/>
  <c r="H21" i="1"/>
  <c r="J21" i="1"/>
  <c r="E21" i="1"/>
  <c r="M21" i="1"/>
  <c r="R21" i="1"/>
  <c r="U21" i="1"/>
  <c r="X21" i="1"/>
  <c r="F21" i="1"/>
  <c r="AF21" i="1"/>
  <c r="V21" i="1"/>
  <c r="I21" i="1"/>
  <c r="G21" i="1"/>
  <c r="Q21" i="1"/>
  <c r="W21" i="1"/>
  <c r="Y21" i="1"/>
  <c r="L21" i="1"/>
  <c r="B22" i="1" l="1"/>
  <c r="Z22" i="1" l="1"/>
  <c r="AA22" i="1"/>
  <c r="T22" i="1"/>
  <c r="Y22" i="1"/>
  <c r="K22" i="1"/>
  <c r="D22" i="1"/>
  <c r="AE22" i="1"/>
  <c r="S22" i="1"/>
  <c r="P22" i="1"/>
  <c r="I22" i="1"/>
  <c r="E22" i="1"/>
  <c r="V22" i="1"/>
  <c r="F22" i="1"/>
  <c r="U22" i="1"/>
  <c r="N22" i="1"/>
  <c r="J22" i="1"/>
  <c r="AC22" i="1"/>
  <c r="W22" i="1"/>
  <c r="R22" i="1"/>
  <c r="G22" i="1"/>
  <c r="AG22" i="1"/>
  <c r="H22" i="1"/>
  <c r="AB22" i="1"/>
  <c r="L22" i="1"/>
  <c r="M22" i="1"/>
  <c r="AF22" i="1"/>
  <c r="Q22" i="1"/>
  <c r="AD22" i="1"/>
  <c r="O22" i="1"/>
  <c r="X22" i="1"/>
  <c r="B23" i="1" l="1"/>
  <c r="T23" i="1" l="1"/>
  <c r="AC23" i="1"/>
  <c r="V23" i="1"/>
  <c r="AA23" i="1"/>
  <c r="AB23" i="1"/>
  <c r="AG23" i="1"/>
  <c r="E23" i="1"/>
  <c r="Y23" i="1"/>
  <c r="K23" i="1"/>
  <c r="I23" i="1"/>
  <c r="G23" i="1"/>
  <c r="S23" i="1"/>
  <c r="M23" i="1"/>
  <c r="AD23" i="1"/>
  <c r="W23" i="1"/>
  <c r="P23" i="1"/>
  <c r="U23" i="1"/>
  <c r="H23" i="1"/>
  <c r="L23" i="1"/>
  <c r="Z23" i="1"/>
  <c r="F23" i="1"/>
  <c r="O23" i="1"/>
  <c r="X23" i="1"/>
  <c r="J23" i="1"/>
  <c r="AE23" i="1"/>
  <c r="Q23" i="1"/>
  <c r="D23" i="1"/>
  <c r="AF23" i="1"/>
  <c r="R23" i="1"/>
  <c r="N23" i="1"/>
  <c r="B24" i="1" l="1"/>
  <c r="J24" i="1" l="1"/>
  <c r="AG24" i="1"/>
  <c r="S24" i="1"/>
  <c r="AA24" i="1"/>
  <c r="N24" i="1"/>
  <c r="AE24" i="1"/>
  <c r="AB24" i="1"/>
  <c r="V24" i="1"/>
  <c r="G24" i="1"/>
  <c r="AD24" i="1"/>
  <c r="H24" i="1"/>
  <c r="Z24" i="1"/>
  <c r="L24" i="1"/>
  <c r="E24" i="1"/>
  <c r="R24" i="1"/>
  <c r="F24" i="1"/>
  <c r="T24" i="1"/>
  <c r="M24" i="1"/>
  <c r="X24" i="1"/>
  <c r="K24" i="1"/>
  <c r="U24" i="1"/>
  <c r="O24" i="1"/>
  <c r="AF24" i="1"/>
  <c r="Q24" i="1"/>
  <c r="Y24" i="1"/>
  <c r="D24" i="1"/>
  <c r="I24" i="1"/>
  <c r="AC24" i="1"/>
  <c r="P24" i="1"/>
  <c r="W24" i="1"/>
  <c r="B25" i="1" l="1"/>
  <c r="X25" i="1" l="1"/>
  <c r="L25" i="1"/>
  <c r="N25" i="1"/>
  <c r="F25" i="1"/>
  <c r="AF25" i="1"/>
  <c r="U25" i="1"/>
  <c r="W25" i="1"/>
  <c r="G25" i="1"/>
  <c r="D25" i="1"/>
  <c r="M25" i="1"/>
  <c r="Q25" i="1"/>
  <c r="H25" i="1"/>
  <c r="AE25" i="1"/>
  <c r="AC25" i="1"/>
  <c r="J25" i="1"/>
  <c r="AG25" i="1"/>
  <c r="S25" i="1"/>
  <c r="E25" i="1"/>
  <c r="AD25" i="1"/>
  <c r="Z25" i="1"/>
  <c r="I25" i="1"/>
  <c r="AB25" i="1"/>
  <c r="O25" i="1"/>
  <c r="R25" i="1"/>
  <c r="P25" i="1"/>
  <c r="Y25" i="1"/>
  <c r="AA25" i="1"/>
  <c r="V25" i="1"/>
  <c r="K25" i="1"/>
  <c r="T25" i="1"/>
  <c r="B26" i="1" l="1"/>
  <c r="Q26" i="1" l="1"/>
  <c r="L26" i="1"/>
  <c r="AG26" i="1"/>
  <c r="O26" i="1"/>
  <c r="Z26" i="1"/>
  <c r="E26" i="1"/>
  <c r="G26" i="1"/>
  <c r="W26" i="1"/>
  <c r="K26" i="1"/>
  <c r="X26" i="1"/>
  <c r="AF26" i="1"/>
  <c r="D26" i="1"/>
  <c r="M26" i="1"/>
  <c r="J26" i="1"/>
  <c r="AA26" i="1"/>
  <c r="U26" i="1"/>
  <c r="N26" i="1"/>
  <c r="R26" i="1"/>
  <c r="AD26" i="1"/>
  <c r="S26" i="1"/>
  <c r="AB26" i="1"/>
  <c r="P26" i="1"/>
  <c r="Y26" i="1"/>
  <c r="AC26" i="1"/>
  <c r="I26" i="1"/>
  <c r="V26" i="1"/>
  <c r="AE26" i="1"/>
  <c r="F26" i="1"/>
  <c r="T26" i="1"/>
  <c r="H26" i="1"/>
  <c r="B27" i="1" l="1"/>
  <c r="T27" i="1" l="1"/>
  <c r="X27" i="1"/>
  <c r="S27" i="1"/>
  <c r="M27" i="1"/>
  <c r="AB27" i="1"/>
  <c r="AG27" i="1"/>
  <c r="U27" i="1"/>
  <c r="Q27" i="1"/>
  <c r="E27" i="1"/>
  <c r="G27" i="1"/>
  <c r="V27" i="1"/>
  <c r="AD27" i="1"/>
  <c r="Z27" i="1"/>
  <c r="AF27" i="1"/>
  <c r="R27" i="1"/>
  <c r="L27" i="1"/>
  <c r="K27" i="1"/>
  <c r="N27" i="1"/>
  <c r="AE27" i="1"/>
  <c r="I27" i="1"/>
  <c r="AA27" i="1"/>
  <c r="P27" i="1"/>
  <c r="H27" i="1"/>
  <c r="Y27" i="1"/>
  <c r="AC27" i="1"/>
  <c r="O27" i="1"/>
  <c r="W27" i="1"/>
  <c r="J27" i="1"/>
  <c r="D27" i="1"/>
  <c r="F27" i="1"/>
  <c r="B28" i="1" l="1"/>
  <c r="L28" i="1" l="1"/>
  <c r="P28" i="1"/>
  <c r="O28" i="1"/>
  <c r="N28" i="1"/>
  <c r="H28" i="1"/>
  <c r="V28" i="1"/>
  <c r="Z28" i="1"/>
  <c r="M28" i="1"/>
  <c r="K28" i="1"/>
  <c r="S28" i="1"/>
  <c r="J28" i="1"/>
  <c r="AC28" i="1"/>
  <c r="AB28" i="1"/>
  <c r="F28" i="1"/>
  <c r="U28" i="1"/>
  <c r="Y28" i="1"/>
  <c r="AG28" i="1"/>
  <c r="AE28" i="1"/>
  <c r="D28" i="1"/>
  <c r="E28" i="1"/>
  <c r="I28" i="1"/>
  <c r="W28" i="1"/>
  <c r="T28" i="1"/>
  <c r="X28" i="1"/>
  <c r="Q28" i="1"/>
  <c r="AD28" i="1"/>
  <c r="R28" i="1"/>
  <c r="AA28" i="1"/>
  <c r="AF28" i="1"/>
  <c r="G28" i="1"/>
  <c r="B29" i="1" l="1"/>
  <c r="I29" i="1" l="1"/>
  <c r="AB29" i="1"/>
  <c r="AF29" i="1"/>
  <c r="F29" i="1"/>
  <c r="R29" i="1"/>
  <c r="D29" i="1"/>
  <c r="Q29" i="1"/>
  <c r="G29" i="1"/>
  <c r="M29" i="1"/>
  <c r="AG29" i="1"/>
  <c r="J29" i="1"/>
  <c r="V29" i="1"/>
  <c r="X29" i="1"/>
  <c r="O29" i="1"/>
  <c r="Z29" i="1"/>
  <c r="L29" i="1"/>
  <c r="U29" i="1"/>
  <c r="AD29" i="1"/>
  <c r="N29" i="1"/>
  <c r="Y29" i="1"/>
  <c r="T29" i="1"/>
  <c r="S29" i="1"/>
  <c r="E29" i="1"/>
  <c r="H29" i="1"/>
  <c r="AE29" i="1"/>
  <c r="P29" i="1"/>
  <c r="AC29" i="1"/>
  <c r="AA29" i="1"/>
  <c r="W29" i="1"/>
  <c r="K29" i="1"/>
  <c r="B30" i="1" l="1"/>
  <c r="AC30" i="1" l="1"/>
  <c r="AF30" i="1"/>
  <c r="Y30" i="1"/>
  <c r="J30" i="1"/>
  <c r="L30" i="1"/>
  <c r="AG30" i="1"/>
  <c r="K30" i="1"/>
  <c r="V30" i="1"/>
  <c r="R30" i="1"/>
  <c r="AB30" i="1"/>
  <c r="AD30" i="1"/>
  <c r="Z30" i="1"/>
  <c r="G30" i="1"/>
  <c r="P30" i="1"/>
  <c r="AE30" i="1"/>
  <c r="I30" i="1"/>
  <c r="D30" i="1"/>
  <c r="F30" i="1"/>
  <c r="Q30" i="1"/>
  <c r="N30" i="1"/>
  <c r="T30" i="1"/>
  <c r="O30" i="1"/>
  <c r="E30" i="1"/>
  <c r="H30" i="1"/>
  <c r="M30" i="1"/>
  <c r="U30" i="1"/>
  <c r="S30" i="1"/>
  <c r="AA30" i="1"/>
  <c r="W30" i="1"/>
  <c r="X30" i="1"/>
  <c r="B31" i="1" l="1"/>
  <c r="V31" i="1" l="1"/>
  <c r="X31" i="1"/>
  <c r="E31" i="1"/>
  <c r="Q31" i="1"/>
  <c r="AD31" i="1"/>
  <c r="AF31" i="1"/>
  <c r="U31" i="1"/>
  <c r="AB31" i="1"/>
  <c r="G31" i="1"/>
  <c r="I31" i="1"/>
  <c r="AC31" i="1"/>
  <c r="O31" i="1"/>
  <c r="R31" i="1"/>
  <c r="Y31" i="1"/>
  <c r="AG31" i="1"/>
  <c r="Z31" i="1"/>
  <c r="K31" i="1"/>
  <c r="AE31" i="1"/>
  <c r="F31" i="1"/>
  <c r="D31" i="1"/>
  <c r="T31" i="1"/>
  <c r="S31" i="1"/>
  <c r="H31" i="1"/>
  <c r="J31" i="1"/>
  <c r="W31" i="1"/>
  <c r="N31" i="1"/>
  <c r="M31" i="1"/>
  <c r="AA31" i="1"/>
  <c r="L31" i="1"/>
  <c r="P31" i="1"/>
  <c r="B32" i="1" l="1"/>
  <c r="AG32" i="1" l="1"/>
  <c r="E32" i="1"/>
  <c r="M32" i="1"/>
  <c r="P32" i="1"/>
  <c r="R32" i="1"/>
  <c r="AC32" i="1"/>
  <c r="X32" i="1"/>
  <c r="V32" i="1"/>
  <c r="AD32" i="1"/>
  <c r="D32" i="1"/>
  <c r="G32" i="1"/>
  <c r="L32" i="1"/>
  <c r="W32" i="1"/>
  <c r="Q32" i="1"/>
  <c r="O32" i="1"/>
  <c r="Y32" i="1"/>
  <c r="H32" i="1"/>
  <c r="J32" i="1"/>
  <c r="U32" i="1"/>
  <c r="S32" i="1"/>
  <c r="F32" i="1"/>
  <c r="Z32" i="1"/>
  <c r="AF32" i="1"/>
  <c r="I32" i="1"/>
  <c r="N32" i="1"/>
  <c r="K32" i="1"/>
  <c r="AB32" i="1"/>
  <c r="AE32" i="1"/>
  <c r="T32" i="1"/>
  <c r="AA32" i="1"/>
  <c r="B33" i="1" l="1"/>
  <c r="Z33" i="1" l="1"/>
  <c r="F33" i="1"/>
  <c r="I33" i="1"/>
  <c r="E33" i="1"/>
  <c r="Y33" i="1"/>
  <c r="M33" i="1"/>
  <c r="AD33" i="1"/>
  <c r="Q33" i="1"/>
  <c r="U33" i="1"/>
  <c r="AE33" i="1"/>
  <c r="J33" i="1"/>
  <c r="AF33" i="1"/>
  <c r="AB33" i="1"/>
  <c r="K33" i="1"/>
  <c r="N33" i="1"/>
  <c r="O33" i="1"/>
  <c r="V33" i="1"/>
  <c r="AA33" i="1"/>
  <c r="D33" i="1"/>
  <c r="AG33" i="1"/>
  <c r="S33" i="1"/>
  <c r="P33" i="1"/>
  <c r="AC33" i="1"/>
  <c r="G33" i="1"/>
  <c r="L33" i="1"/>
  <c r="T33" i="1"/>
  <c r="R33" i="1"/>
  <c r="X33" i="1"/>
  <c r="W33" i="1"/>
  <c r="H33" i="1"/>
  <c r="B34" i="1" l="1"/>
  <c r="AD34" i="1" l="1"/>
  <c r="I34" i="1"/>
  <c r="AA34" i="1"/>
  <c r="L34" i="1"/>
  <c r="J34" i="1"/>
  <c r="T34" i="1"/>
  <c r="X34" i="1"/>
  <c r="AB34" i="1"/>
  <c r="AF34" i="1"/>
  <c r="M34" i="1"/>
  <c r="G34" i="1"/>
  <c r="O34" i="1"/>
  <c r="S34" i="1"/>
  <c r="Q34" i="1"/>
  <c r="Z34" i="1"/>
  <c r="D34" i="1"/>
  <c r="B35" i="1" s="1"/>
  <c r="H34" i="1"/>
  <c r="U34" i="1"/>
  <c r="AC34" i="1"/>
  <c r="P34" i="1"/>
  <c r="E34" i="1"/>
  <c r="AE34" i="1"/>
  <c r="K34" i="1"/>
  <c r="F34" i="1"/>
  <c r="N34" i="1"/>
  <c r="V34" i="1"/>
  <c r="W34" i="1"/>
  <c r="Y34" i="1"/>
  <c r="R34" i="1"/>
  <c r="AG34" i="1"/>
  <c r="V35" i="1" l="1"/>
  <c r="O35" i="1"/>
  <c r="L35" i="1"/>
  <c r="AE35" i="1"/>
  <c r="Y35" i="1"/>
  <c r="AG35" i="1"/>
  <c r="AF35" i="1"/>
  <c r="E35" i="1"/>
  <c r="H35" i="1"/>
  <c r="T35" i="1"/>
  <c r="Z35" i="1"/>
  <c r="D35" i="1"/>
  <c r="AD35" i="1"/>
  <c r="S35" i="1"/>
  <c r="P35" i="1"/>
  <c r="AA35" i="1"/>
  <c r="M35" i="1"/>
  <c r="G35" i="1"/>
  <c r="K35" i="1"/>
  <c r="N35" i="1"/>
  <c r="AB35" i="1"/>
  <c r="J35" i="1"/>
  <c r="I35" i="1"/>
  <c r="U35" i="1"/>
  <c r="W35" i="1"/>
  <c r="F35" i="1"/>
  <c r="Q35" i="1"/>
  <c r="R35" i="1"/>
  <c r="X35" i="1"/>
  <c r="AC35" i="1"/>
  <c r="B36" i="1" l="1"/>
  <c r="W36" i="1" l="1"/>
  <c r="I36" i="1"/>
  <c r="L36" i="1"/>
  <c r="P36" i="1"/>
  <c r="F36" i="1"/>
  <c r="M36" i="1"/>
  <c r="O36" i="1"/>
  <c r="V36" i="1"/>
  <c r="AF36" i="1"/>
  <c r="J36" i="1"/>
  <c r="G36" i="1"/>
  <c r="T36" i="1"/>
  <c r="K36" i="1"/>
  <c r="Z36" i="1"/>
  <c r="H36" i="1"/>
  <c r="AG36" i="1"/>
  <c r="R36" i="1"/>
  <c r="AD36" i="1"/>
  <c r="AA36" i="1"/>
  <c r="X36" i="1"/>
  <c r="Y36" i="1"/>
  <c r="S36" i="1"/>
  <c r="AB36" i="1"/>
  <c r="Q36" i="1"/>
  <c r="N36" i="1"/>
  <c r="AE36" i="1"/>
  <c r="D36" i="1"/>
  <c r="E36" i="1"/>
  <c r="U36" i="1"/>
  <c r="AC36" i="1"/>
  <c r="B37" i="1" l="1"/>
  <c r="Z37" i="1" l="1"/>
  <c r="E37" i="1"/>
  <c r="K37" i="1"/>
  <c r="Y37" i="1"/>
  <c r="L37" i="1"/>
  <c r="N37" i="1"/>
  <c r="AC37" i="1"/>
  <c r="AA37" i="1"/>
  <c r="U37" i="1"/>
  <c r="P37" i="1"/>
  <c r="AB37" i="1"/>
  <c r="AD37" i="1"/>
  <c r="AF37" i="1"/>
  <c r="Q37" i="1"/>
  <c r="G37" i="1"/>
  <c r="D37" i="1"/>
  <c r="B38" i="1" s="1"/>
  <c r="S37" i="1"/>
  <c r="X37" i="1"/>
  <c r="W37" i="1"/>
  <c r="H37" i="1"/>
  <c r="AE37" i="1"/>
  <c r="F37" i="1"/>
  <c r="M37" i="1"/>
  <c r="T37" i="1"/>
  <c r="J37" i="1"/>
  <c r="AG37" i="1"/>
  <c r="O37" i="1"/>
  <c r="V37" i="1"/>
  <c r="R37" i="1"/>
  <c r="I37" i="1"/>
  <c r="J38" i="1" l="1"/>
  <c r="AE38" i="1"/>
  <c r="H38" i="1"/>
  <c r="Z38" i="1"/>
  <c r="L38" i="1"/>
  <c r="E38" i="1"/>
  <c r="T38" i="1"/>
  <c r="K38" i="1"/>
  <c r="W38" i="1"/>
  <c r="U38" i="1"/>
  <c r="N38" i="1"/>
  <c r="X38" i="1"/>
  <c r="M38" i="1"/>
  <c r="AA38" i="1"/>
  <c r="D38" i="1"/>
  <c r="B39" i="1" s="1"/>
  <c r="S38" i="1"/>
  <c r="Q38" i="1"/>
  <c r="AC38" i="1"/>
  <c r="AF38" i="1"/>
  <c r="AB38" i="1"/>
  <c r="F38" i="1"/>
  <c r="AD38" i="1"/>
  <c r="R38" i="1"/>
  <c r="G38" i="1"/>
  <c r="Y38" i="1"/>
  <c r="AG38" i="1"/>
  <c r="I38" i="1"/>
  <c r="O38" i="1"/>
  <c r="P38" i="1"/>
  <c r="V38" i="1"/>
  <c r="V39" i="1" l="1"/>
  <c r="I39" i="1"/>
  <c r="K39" i="1"/>
  <c r="D39" i="1"/>
  <c r="AD39" i="1"/>
  <c r="R39" i="1"/>
  <c r="AC39" i="1"/>
  <c r="T39" i="1"/>
  <c r="AA39" i="1"/>
  <c r="L39" i="1"/>
  <c r="P39" i="1"/>
  <c r="J39" i="1"/>
  <c r="AE39" i="1"/>
  <c r="Y39" i="1"/>
  <c r="S39" i="1"/>
  <c r="O39" i="1"/>
  <c r="X39" i="1"/>
  <c r="G39" i="1"/>
  <c r="U39" i="1"/>
  <c r="W39" i="1"/>
  <c r="M39" i="1"/>
  <c r="H39" i="1"/>
  <c r="AB39" i="1"/>
  <c r="Q39" i="1"/>
  <c r="Z39" i="1"/>
  <c r="E39" i="1"/>
  <c r="N39" i="1"/>
  <c r="AG39" i="1"/>
  <c r="AF39" i="1"/>
  <c r="F39" i="1"/>
  <c r="B40" i="1" l="1"/>
  <c r="AE40" i="1" l="1"/>
  <c r="G40" i="1"/>
  <c r="U40" i="1"/>
  <c r="Q40" i="1"/>
  <c r="P40" i="1"/>
  <c r="N40" i="1"/>
  <c r="AA40" i="1"/>
  <c r="X40" i="1"/>
  <c r="L40" i="1"/>
  <c r="AB40" i="1"/>
  <c r="AG40" i="1"/>
  <c r="D40" i="1"/>
  <c r="I40" i="1"/>
  <c r="S40" i="1"/>
  <c r="V40" i="1"/>
  <c r="H40" i="1"/>
  <c r="E40" i="1"/>
  <c r="K40" i="1"/>
  <c r="Z40" i="1"/>
  <c r="W40" i="1"/>
  <c r="AD40" i="1"/>
  <c r="AC40" i="1"/>
  <c r="R40" i="1"/>
  <c r="O40" i="1"/>
  <c r="Y40" i="1"/>
  <c r="AF40" i="1"/>
  <c r="F40" i="1"/>
  <c r="M40" i="1"/>
  <c r="J40" i="1"/>
  <c r="T40" i="1"/>
  <c r="B41" i="1" l="1"/>
  <c r="Z41" i="1" l="1"/>
  <c r="M41" i="1"/>
  <c r="F41" i="1"/>
  <c r="O41" i="1"/>
  <c r="K41" i="1"/>
  <c r="V41" i="1"/>
  <c r="X41" i="1"/>
  <c r="P41" i="1"/>
  <c r="AG41" i="1"/>
  <c r="L41" i="1"/>
  <c r="AA41" i="1"/>
  <c r="AD41" i="1"/>
  <c r="S41" i="1"/>
  <c r="T41" i="1"/>
  <c r="G41" i="1"/>
  <c r="Q41" i="1"/>
  <c r="Y41" i="1"/>
  <c r="AE41" i="1"/>
  <c r="E41" i="1"/>
  <c r="N41" i="1"/>
  <c r="H41" i="1"/>
  <c r="W41" i="1"/>
  <c r="J41" i="1"/>
  <c r="AB41" i="1"/>
  <c r="AC41" i="1"/>
  <c r="I41" i="1"/>
  <c r="R41" i="1"/>
  <c r="D41" i="1"/>
  <c r="U41" i="1"/>
  <c r="AF41" i="1"/>
  <c r="B42" i="1" l="1"/>
  <c r="I42" i="1" l="1"/>
  <c r="AD42" i="1"/>
  <c r="AG42" i="1"/>
  <c r="R42" i="1"/>
  <c r="G42" i="1"/>
  <c r="L42" i="1"/>
  <c r="AA42" i="1"/>
  <c r="E42" i="1"/>
  <c r="T42" i="1"/>
  <c r="M42" i="1"/>
  <c r="F42" i="1"/>
  <c r="S42" i="1"/>
  <c r="AE42" i="1"/>
  <c r="H42" i="1"/>
  <c r="N42" i="1"/>
  <c r="Q42" i="1"/>
  <c r="AF42" i="1"/>
  <c r="Z42" i="1"/>
  <c r="D42" i="1"/>
  <c r="P42" i="1"/>
  <c r="Y42" i="1"/>
  <c r="J42" i="1"/>
  <c r="AB42" i="1"/>
  <c r="AC42" i="1"/>
  <c r="W42" i="1"/>
  <c r="X42" i="1"/>
  <c r="O42" i="1"/>
  <c r="V42" i="1"/>
  <c r="K42" i="1"/>
  <c r="U42" i="1"/>
  <c r="B43" i="1" l="1"/>
  <c r="V43" i="1" l="1"/>
  <c r="Y43" i="1"/>
  <c r="AF43" i="1"/>
  <c r="AE43" i="1"/>
  <c r="AD43" i="1"/>
  <c r="H43" i="1"/>
  <c r="S43" i="1"/>
  <c r="L43" i="1"/>
  <c r="E43" i="1"/>
  <c r="T43" i="1"/>
  <c r="J43" i="1"/>
  <c r="O43" i="1"/>
  <c r="U43" i="1"/>
  <c r="K43" i="1"/>
  <c r="I43" i="1"/>
  <c r="D43" i="1"/>
  <c r="B44" i="1" s="1"/>
  <c r="AG43" i="1"/>
  <c r="R43" i="1"/>
  <c r="W43" i="1"/>
  <c r="G43" i="1"/>
  <c r="AA43" i="1"/>
  <c r="AB43" i="1"/>
  <c r="P43" i="1"/>
  <c r="Q43" i="1"/>
  <c r="Z43" i="1"/>
  <c r="X43" i="1"/>
  <c r="N43" i="1"/>
  <c r="AC43" i="1"/>
  <c r="F43" i="1"/>
  <c r="M43" i="1"/>
  <c r="D44" i="1" l="1"/>
  <c r="F44" i="1"/>
  <c r="J44" i="1"/>
  <c r="P44" i="1"/>
  <c r="Y44" i="1"/>
  <c r="K44" i="1"/>
  <c r="AE44" i="1"/>
  <c r="AC44" i="1"/>
  <c r="G44" i="1"/>
  <c r="L44" i="1"/>
  <c r="R44" i="1"/>
  <c r="I44" i="1"/>
  <c r="AG44" i="1"/>
  <c r="H44" i="1"/>
  <c r="M44" i="1"/>
  <c r="O44" i="1"/>
  <c r="AB44" i="1"/>
  <c r="V44" i="1"/>
  <c r="X44" i="1"/>
  <c r="AF44" i="1"/>
  <c r="E44" i="1"/>
  <c r="N44" i="1"/>
  <c r="U44" i="1"/>
  <c r="S44" i="1"/>
  <c r="AA44" i="1"/>
  <c r="T44" i="1"/>
  <c r="Q44" i="1"/>
  <c r="Z44" i="1"/>
  <c r="W44" i="1"/>
  <c r="AD44" i="1"/>
  <c r="B45" i="1" l="1"/>
  <c r="Z45" i="1" l="1"/>
  <c r="U45" i="1"/>
  <c r="N45" i="1"/>
  <c r="X45" i="1"/>
  <c r="I45" i="1"/>
  <c r="AD45" i="1"/>
  <c r="AF45" i="1"/>
  <c r="D45" i="1"/>
  <c r="E45" i="1"/>
  <c r="AG45" i="1"/>
  <c r="K45" i="1"/>
  <c r="T45" i="1"/>
  <c r="AC45" i="1"/>
  <c r="W45" i="1"/>
  <c r="Y45" i="1"/>
  <c r="S45" i="1"/>
  <c r="O45" i="1"/>
  <c r="F45" i="1"/>
  <c r="V45" i="1"/>
  <c r="Q45" i="1"/>
  <c r="J45" i="1"/>
  <c r="H45" i="1"/>
  <c r="M45" i="1"/>
  <c r="P45" i="1"/>
  <c r="AE45" i="1"/>
  <c r="AA45" i="1"/>
  <c r="AB45" i="1"/>
  <c r="G45" i="1"/>
  <c r="R45" i="1"/>
  <c r="L45" i="1"/>
  <c r="B46" i="1" l="1"/>
  <c r="H46" i="1" l="1"/>
  <c r="AC46" i="1"/>
  <c r="X46" i="1"/>
  <c r="O46" i="1"/>
  <c r="AE46" i="1"/>
  <c r="Z46" i="1"/>
  <c r="AG46" i="1"/>
  <c r="T46" i="1"/>
  <c r="I46" i="1"/>
  <c r="K46" i="1"/>
  <c r="R46" i="1"/>
  <c r="V46" i="1"/>
  <c r="G46" i="1"/>
  <c r="E46" i="1"/>
  <c r="P46" i="1"/>
  <c r="W46" i="1"/>
  <c r="Y46" i="1"/>
  <c r="D46" i="1"/>
  <c r="Q46" i="1"/>
  <c r="L46" i="1"/>
  <c r="AF46" i="1"/>
  <c r="U46" i="1"/>
  <c r="AB46" i="1"/>
  <c r="AA46" i="1"/>
  <c r="N46" i="1"/>
  <c r="AD46" i="1"/>
  <c r="F46" i="1"/>
  <c r="M46" i="1"/>
  <c r="J46" i="1"/>
  <c r="S46" i="1"/>
  <c r="B47" i="1" l="1"/>
  <c r="V47" i="1" l="1"/>
  <c r="X47" i="1"/>
  <c r="U47" i="1"/>
  <c r="AE47" i="1"/>
  <c r="AD47" i="1"/>
  <c r="AG47" i="1"/>
  <c r="I47" i="1"/>
  <c r="R47" i="1"/>
  <c r="G47" i="1"/>
  <c r="AA47" i="1"/>
  <c r="K47" i="1"/>
  <c r="F47" i="1"/>
  <c r="Q47" i="1"/>
  <c r="Z47" i="1"/>
  <c r="D47" i="1"/>
  <c r="B48" i="1" s="1"/>
  <c r="J47" i="1"/>
  <c r="S47" i="1"/>
  <c r="M47" i="1"/>
  <c r="P47" i="1"/>
  <c r="T47" i="1"/>
  <c r="W47" i="1"/>
  <c r="Y47" i="1"/>
  <c r="AB47" i="1"/>
  <c r="AF47" i="1"/>
  <c r="H47" i="1"/>
  <c r="AC47" i="1"/>
  <c r="N47" i="1"/>
  <c r="O47" i="1"/>
  <c r="E47" i="1"/>
  <c r="L47" i="1"/>
  <c r="L48" i="1" l="1"/>
  <c r="N48" i="1"/>
  <c r="S48" i="1"/>
  <c r="P48" i="1"/>
  <c r="AD48" i="1"/>
  <c r="Z48" i="1"/>
  <c r="X48" i="1"/>
  <c r="J48" i="1"/>
  <c r="AA48" i="1"/>
  <c r="M48" i="1"/>
  <c r="K48" i="1"/>
  <c r="I48" i="1"/>
  <c r="Q48" i="1"/>
  <c r="E48" i="1"/>
  <c r="H48" i="1"/>
  <c r="U48" i="1"/>
  <c r="W48" i="1"/>
  <c r="Y48" i="1"/>
  <c r="AG48" i="1"/>
  <c r="D48" i="1"/>
  <c r="AB48" i="1"/>
  <c r="G48" i="1"/>
  <c r="V48" i="1"/>
  <c r="AE48" i="1"/>
  <c r="F48" i="1"/>
  <c r="R48" i="1"/>
  <c r="AF48" i="1"/>
  <c r="O48" i="1"/>
  <c r="T48" i="1"/>
  <c r="AC48" i="1"/>
  <c r="B49" i="1" l="1"/>
  <c r="Z49" i="1" l="1"/>
  <c r="L49" i="1"/>
  <c r="AF49" i="1"/>
  <c r="N49" i="1"/>
  <c r="H49" i="1"/>
  <c r="P49" i="1"/>
  <c r="F49" i="1"/>
  <c r="O49" i="1"/>
  <c r="Q49" i="1"/>
  <c r="V49" i="1"/>
  <c r="X49" i="1"/>
  <c r="AA49" i="1"/>
  <c r="D49" i="1"/>
  <c r="AG49" i="1"/>
  <c r="Y49" i="1"/>
  <c r="G49" i="1"/>
  <c r="K49" i="1"/>
  <c r="W49" i="1"/>
  <c r="AB49" i="1"/>
  <c r="U49" i="1"/>
  <c r="AD49" i="1"/>
  <c r="T49" i="1"/>
  <c r="S49" i="1"/>
  <c r="AC49" i="1"/>
  <c r="R49" i="1"/>
  <c r="I49" i="1"/>
  <c r="J49" i="1"/>
  <c r="E49" i="1"/>
  <c r="M49" i="1"/>
  <c r="AE49" i="1"/>
  <c r="B50" i="1" l="1"/>
  <c r="AG50" i="1" l="1"/>
  <c r="N50" i="1"/>
  <c r="H50" i="1"/>
  <c r="I50" i="1"/>
  <c r="P50" i="1"/>
  <c r="Q50" i="1"/>
  <c r="T50" i="1"/>
  <c r="Y50" i="1"/>
  <c r="S50" i="1"/>
  <c r="K50" i="1"/>
  <c r="F50" i="1"/>
  <c r="V50" i="1"/>
  <c r="AD50" i="1"/>
  <c r="Z50" i="1"/>
  <c r="D50" i="1"/>
  <c r="G50" i="1"/>
  <c r="AA50" i="1"/>
  <c r="L50" i="1"/>
  <c r="J50" i="1"/>
  <c r="AC50" i="1"/>
  <c r="E50" i="1"/>
  <c r="U50" i="1"/>
  <c r="R50" i="1"/>
  <c r="M50" i="1"/>
  <c r="X50" i="1"/>
  <c r="AB50" i="1"/>
  <c r="W50" i="1"/>
  <c r="O50" i="1"/>
  <c r="AE50" i="1"/>
  <c r="AF50" i="1"/>
  <c r="B51" i="1" l="1"/>
  <c r="V51" i="1" l="1"/>
  <c r="AF51" i="1"/>
  <c r="T51" i="1"/>
  <c r="Q51" i="1"/>
  <c r="AD51" i="1"/>
  <c r="G51" i="1"/>
  <c r="J51" i="1"/>
  <c r="Z51" i="1"/>
  <c r="R51" i="1"/>
  <c r="AA51" i="1"/>
  <c r="K51" i="1"/>
  <c r="AB51" i="1"/>
  <c r="H51" i="1"/>
  <c r="D51" i="1"/>
  <c r="S51" i="1"/>
  <c r="F51" i="1"/>
  <c r="AG51" i="1"/>
  <c r="P51" i="1"/>
  <c r="O51" i="1"/>
  <c r="N51" i="1"/>
  <c r="L51" i="1"/>
  <c r="X51" i="1"/>
  <c r="AC51" i="1"/>
  <c r="AE51" i="1"/>
  <c r="W51" i="1"/>
  <c r="U51" i="1"/>
  <c r="Y51" i="1"/>
  <c r="E51" i="1"/>
  <c r="M51" i="1"/>
  <c r="I51" i="1"/>
  <c r="B52" i="1" l="1"/>
  <c r="K52" i="1" l="1"/>
  <c r="AA52" i="1"/>
  <c r="I52" i="1"/>
  <c r="M52" i="1"/>
  <c r="U52" i="1"/>
  <c r="Y52" i="1"/>
  <c r="AF52" i="1"/>
  <c r="W52" i="1"/>
  <c r="R52" i="1"/>
  <c r="D52" i="1"/>
  <c r="O52" i="1"/>
  <c r="H52" i="1"/>
  <c r="T52" i="1"/>
  <c r="E52" i="1"/>
  <c r="L52" i="1"/>
  <c r="Q52" i="1"/>
  <c r="AC52" i="1"/>
  <c r="N52" i="1"/>
  <c r="Z52" i="1"/>
  <c r="S52" i="1"/>
  <c r="AG52" i="1"/>
  <c r="G52" i="1"/>
  <c r="P52" i="1"/>
  <c r="X52" i="1"/>
  <c r="V52" i="1"/>
  <c r="F52" i="1"/>
  <c r="J52" i="1"/>
  <c r="AE52" i="1"/>
  <c r="AD52" i="1"/>
  <c r="AB52" i="1"/>
  <c r="B53" i="1" l="1"/>
  <c r="Z53" i="1" l="1"/>
  <c r="Q53" i="1"/>
  <c r="K53" i="1"/>
  <c r="W53" i="1"/>
  <c r="G53" i="1"/>
  <c r="AB53" i="1"/>
  <c r="U53" i="1"/>
  <c r="X53" i="1"/>
  <c r="H53" i="1"/>
  <c r="AE53" i="1"/>
  <c r="S53" i="1"/>
  <c r="V53" i="1"/>
  <c r="E53" i="1"/>
  <c r="AG53" i="1"/>
  <c r="I53" i="1"/>
  <c r="J53" i="1"/>
  <c r="AA53" i="1"/>
  <c r="M53" i="1"/>
  <c r="P53" i="1"/>
  <c r="Y53" i="1"/>
  <c r="D53" i="1"/>
  <c r="AC53" i="1"/>
  <c r="O53" i="1"/>
  <c r="L53" i="1"/>
  <c r="T53" i="1"/>
  <c r="AD53" i="1"/>
  <c r="AF53" i="1"/>
  <c r="F53" i="1"/>
  <c r="N53" i="1"/>
  <c r="R53" i="1"/>
  <c r="B54" i="1" l="1"/>
  <c r="T54" i="1" l="1"/>
  <c r="AA54" i="1"/>
  <c r="U54" i="1"/>
  <c r="P54" i="1"/>
  <c r="AB54" i="1"/>
  <c r="H54" i="1"/>
  <c r="AE54" i="1"/>
  <c r="X54" i="1"/>
  <c r="R54" i="1"/>
  <c r="K54" i="1"/>
  <c r="N54" i="1"/>
  <c r="V54" i="1"/>
  <c r="W54" i="1"/>
  <c r="AG54" i="1"/>
  <c r="S54" i="1"/>
  <c r="D54" i="1"/>
  <c r="B55" i="1" s="1"/>
  <c r="G54" i="1"/>
  <c r="Y54" i="1"/>
  <c r="AF54" i="1"/>
  <c r="F54" i="1"/>
  <c r="Q54" i="1"/>
  <c r="E54" i="1"/>
  <c r="AC54" i="1"/>
  <c r="Z54" i="1"/>
  <c r="I54" i="1"/>
  <c r="M54" i="1"/>
  <c r="AD54" i="1"/>
  <c r="L54" i="1"/>
  <c r="O54" i="1"/>
  <c r="J54" i="1"/>
  <c r="H55" i="1" l="1"/>
  <c r="AF55" i="1"/>
  <c r="E55" i="1"/>
  <c r="G55" i="1"/>
  <c r="N55" i="1"/>
  <c r="W55" i="1"/>
  <c r="O55" i="1"/>
  <c r="I55" i="1"/>
  <c r="Q55" i="1"/>
  <c r="S55" i="1"/>
  <c r="M55" i="1"/>
  <c r="K55" i="1"/>
  <c r="X55" i="1"/>
  <c r="Z55" i="1"/>
  <c r="J55" i="1"/>
  <c r="D55" i="1"/>
  <c r="B56" i="1" s="1"/>
  <c r="U55" i="1"/>
  <c r="F55" i="1"/>
  <c r="R55" i="1"/>
  <c r="L55" i="1"/>
  <c r="AB55" i="1"/>
  <c r="V55" i="1"/>
  <c r="AG55" i="1"/>
  <c r="AD55" i="1"/>
  <c r="Y55" i="1"/>
  <c r="AE55" i="1"/>
  <c r="T55" i="1"/>
  <c r="P55" i="1"/>
  <c r="AA55" i="1"/>
  <c r="AC55" i="1"/>
  <c r="X56" i="1" l="1"/>
  <c r="K56" i="1"/>
  <c r="D56" i="1"/>
  <c r="O56" i="1"/>
  <c r="AF56" i="1"/>
  <c r="N56" i="1"/>
  <c r="Q56" i="1"/>
  <c r="AG56" i="1"/>
  <c r="H56" i="1"/>
  <c r="M56" i="1"/>
  <c r="AD56" i="1"/>
  <c r="U56" i="1"/>
  <c r="I56" i="1"/>
  <c r="Z56" i="1"/>
  <c r="R56" i="1"/>
  <c r="E56" i="1"/>
  <c r="V56" i="1"/>
  <c r="P56" i="1"/>
  <c r="AE56" i="1"/>
  <c r="S56" i="1"/>
  <c r="L56" i="1"/>
  <c r="Y56" i="1"/>
  <c r="AA56" i="1"/>
  <c r="AB56" i="1"/>
  <c r="J56" i="1"/>
  <c r="F56" i="1"/>
  <c r="T56" i="1"/>
  <c r="AC56" i="1"/>
  <c r="W56" i="1"/>
  <c r="G56" i="1"/>
  <c r="B57" i="1" l="1"/>
  <c r="K57" i="1" l="1"/>
  <c r="D57" i="1"/>
  <c r="H57" i="1"/>
  <c r="AE57" i="1"/>
  <c r="P57" i="1"/>
  <c r="L57" i="1"/>
  <c r="Q57" i="1"/>
  <c r="V57" i="1"/>
  <c r="S57" i="1"/>
  <c r="O57" i="1"/>
  <c r="M57" i="1"/>
  <c r="AG57" i="1"/>
  <c r="J57" i="1"/>
  <c r="U57" i="1"/>
  <c r="N57" i="1"/>
  <c r="I57" i="1"/>
  <c r="R57" i="1"/>
  <c r="Y57" i="1"/>
  <c r="Z57" i="1"/>
  <c r="F57" i="1"/>
  <c r="AC57" i="1"/>
  <c r="T57" i="1"/>
  <c r="X57" i="1"/>
  <c r="G57" i="1"/>
  <c r="AA57" i="1"/>
  <c r="AB57" i="1"/>
  <c r="AF57" i="1"/>
  <c r="AD57" i="1"/>
  <c r="E57" i="1"/>
  <c r="W57" i="1"/>
  <c r="B58" i="1" l="1"/>
  <c r="T58" i="1" l="1"/>
  <c r="N58" i="1"/>
  <c r="H58" i="1"/>
  <c r="U58" i="1"/>
  <c r="AB58" i="1"/>
  <c r="X58" i="1"/>
  <c r="AC58" i="1"/>
  <c r="M58" i="1"/>
  <c r="G58" i="1"/>
  <c r="O58" i="1"/>
  <c r="AD58" i="1"/>
  <c r="J58" i="1"/>
  <c r="K58" i="1"/>
  <c r="AF58" i="1"/>
  <c r="Q58" i="1"/>
  <c r="AA58" i="1"/>
  <c r="I58" i="1"/>
  <c r="V58" i="1"/>
  <c r="R58" i="1"/>
  <c r="Y58" i="1"/>
  <c r="F58" i="1"/>
  <c r="D58" i="1"/>
  <c r="P58" i="1"/>
  <c r="L58" i="1"/>
  <c r="S58" i="1"/>
  <c r="E58" i="1"/>
  <c r="AE58" i="1"/>
  <c r="W58" i="1"/>
  <c r="Z58" i="1"/>
  <c r="AG58" i="1"/>
  <c r="B59" i="1" l="1"/>
  <c r="V59" i="1" l="1"/>
  <c r="O59" i="1"/>
  <c r="T59" i="1"/>
  <c r="K59" i="1"/>
  <c r="AD59" i="1"/>
  <c r="U59" i="1"/>
  <c r="L59" i="1"/>
  <c r="AB59" i="1"/>
  <c r="Y59" i="1"/>
  <c r="E59" i="1"/>
  <c r="R59" i="1"/>
  <c r="S59" i="1"/>
  <c r="H59" i="1"/>
  <c r="Z59" i="1"/>
  <c r="AF59" i="1"/>
  <c r="J59" i="1"/>
  <c r="W59" i="1"/>
  <c r="P59" i="1"/>
  <c r="AE59" i="1"/>
  <c r="AC59" i="1"/>
  <c r="M59" i="1"/>
  <c r="G59" i="1"/>
  <c r="F59" i="1"/>
  <c r="X59" i="1"/>
  <c r="Q59" i="1"/>
  <c r="AG59" i="1"/>
  <c r="N59" i="1"/>
  <c r="AA59" i="1"/>
  <c r="D59" i="1"/>
  <c r="I59" i="1"/>
  <c r="B60" i="1" l="1"/>
  <c r="X60" i="1" l="1"/>
  <c r="E60" i="1"/>
  <c r="AC60" i="1"/>
  <c r="U60" i="1"/>
  <c r="O60" i="1"/>
  <c r="K60" i="1"/>
  <c r="V60" i="1"/>
  <c r="AA60" i="1"/>
  <c r="AE60" i="1"/>
  <c r="AB60" i="1"/>
  <c r="Y60" i="1"/>
  <c r="AF60" i="1"/>
  <c r="W60" i="1"/>
  <c r="F60" i="1"/>
  <c r="AD60" i="1"/>
  <c r="R60" i="1"/>
  <c r="T60" i="1"/>
  <c r="G60" i="1"/>
  <c r="Q60" i="1"/>
  <c r="L60" i="1"/>
  <c r="Z60" i="1"/>
  <c r="AG60" i="1"/>
  <c r="D60" i="1"/>
  <c r="B61" i="1" s="1"/>
  <c r="M60" i="1"/>
  <c r="N60" i="1"/>
  <c r="S60" i="1"/>
  <c r="H60" i="1"/>
  <c r="P60" i="1"/>
  <c r="J60" i="1"/>
  <c r="I60" i="1"/>
  <c r="F61" i="1" l="1"/>
  <c r="AC61" i="1"/>
  <c r="K61" i="1"/>
  <c r="R61" i="1"/>
  <c r="T61" i="1"/>
  <c r="Z61" i="1"/>
  <c r="AD61" i="1"/>
  <c r="E61" i="1"/>
  <c r="V61" i="1"/>
  <c r="U61" i="1"/>
  <c r="X61" i="1"/>
  <c r="D61" i="1"/>
  <c r="S61" i="1"/>
  <c r="J61" i="1"/>
  <c r="P61" i="1"/>
  <c r="I61" i="1"/>
  <c r="AE61" i="1"/>
  <c r="AA61" i="1"/>
  <c r="M61" i="1"/>
  <c r="G61" i="1"/>
  <c r="Q61" i="1"/>
  <c r="N61" i="1"/>
  <c r="AG61" i="1"/>
  <c r="H61" i="1"/>
  <c r="AF61" i="1"/>
  <c r="O61" i="1"/>
  <c r="AB61" i="1"/>
  <c r="W61" i="1"/>
  <c r="L61" i="1"/>
  <c r="Y61" i="1"/>
  <c r="B62" i="1" l="1"/>
  <c r="T62" i="1" l="1"/>
  <c r="H62" i="1"/>
  <c r="AF62" i="1"/>
  <c r="E62" i="1"/>
  <c r="AB62" i="1"/>
  <c r="N62" i="1"/>
  <c r="F62" i="1"/>
  <c r="K62" i="1"/>
  <c r="O62" i="1"/>
  <c r="M62" i="1"/>
  <c r="U62" i="1"/>
  <c r="P62" i="1"/>
  <c r="X62" i="1"/>
  <c r="AD62" i="1"/>
  <c r="S62" i="1"/>
  <c r="R62" i="1"/>
  <c r="AC62" i="1"/>
  <c r="Y62" i="1"/>
  <c r="Q62" i="1"/>
  <c r="J62" i="1"/>
  <c r="L62" i="1"/>
  <c r="AA62" i="1"/>
  <c r="I62" i="1"/>
  <c r="W62" i="1"/>
  <c r="G62" i="1"/>
  <c r="AE62" i="1"/>
  <c r="D62" i="1"/>
  <c r="Z62" i="1"/>
  <c r="V62" i="1"/>
  <c r="AG62" i="1"/>
  <c r="B63" i="1" l="1"/>
  <c r="S63" i="1" l="1"/>
  <c r="L63" i="1"/>
  <c r="AB63" i="1"/>
  <c r="N63" i="1"/>
  <c r="AF63" i="1"/>
  <c r="AG63" i="1"/>
  <c r="T63" i="1"/>
  <c r="O63" i="1"/>
  <c r="AD63" i="1"/>
  <c r="Y63" i="1"/>
  <c r="R63" i="1"/>
  <c r="E63" i="1"/>
  <c r="U63" i="1"/>
  <c r="X63" i="1"/>
  <c r="G63" i="1"/>
  <c r="F63" i="1"/>
  <c r="AC63" i="1"/>
  <c r="W63" i="1"/>
  <c r="M63" i="1"/>
  <c r="J63" i="1"/>
  <c r="V63" i="1"/>
  <c r="D63" i="1"/>
  <c r="P63" i="1"/>
  <c r="K63" i="1"/>
  <c r="AA63" i="1"/>
  <c r="H63" i="1"/>
  <c r="I63" i="1"/>
  <c r="Q63" i="1"/>
  <c r="Z63" i="1"/>
  <c r="AE63" i="1"/>
  <c r="B64" i="1" l="1"/>
  <c r="U64" i="1" l="1"/>
  <c r="J64" i="1"/>
  <c r="AF64" i="1"/>
  <c r="X64" i="1"/>
  <c r="AC64" i="1"/>
  <c r="S64" i="1"/>
  <c r="P64" i="1"/>
  <c r="Y64" i="1"/>
  <c r="AB64" i="1"/>
  <c r="AD64" i="1"/>
  <c r="N64" i="1"/>
  <c r="G64" i="1"/>
  <c r="E64" i="1"/>
  <c r="L64" i="1"/>
  <c r="W64" i="1"/>
  <c r="H64" i="1"/>
  <c r="Q64" i="1"/>
  <c r="K64" i="1"/>
  <c r="V64" i="1"/>
  <c r="T64" i="1"/>
  <c r="AA64" i="1"/>
  <c r="AG64" i="1"/>
  <c r="D64" i="1"/>
  <c r="B65" i="1" s="1"/>
  <c r="Z64" i="1"/>
  <c r="F64" i="1"/>
  <c r="I64" i="1"/>
  <c r="R64" i="1"/>
  <c r="M64" i="1"/>
  <c r="O64" i="1"/>
  <c r="AE64" i="1"/>
  <c r="AG65" i="1" l="1"/>
  <c r="AC65" i="1"/>
  <c r="K65" i="1"/>
  <c r="P65" i="1"/>
  <c r="AD65" i="1"/>
  <c r="W65" i="1"/>
  <c r="S65" i="1"/>
  <c r="V65" i="1"/>
  <c r="AF65" i="1"/>
  <c r="AA65" i="1"/>
  <c r="Q65" i="1"/>
  <c r="N65" i="1"/>
  <c r="T65" i="1"/>
  <c r="X65" i="1"/>
  <c r="G65" i="1"/>
  <c r="F65" i="1"/>
  <c r="R65" i="1"/>
  <c r="L65" i="1"/>
  <c r="O65" i="1"/>
  <c r="U65" i="1"/>
  <c r="Y65" i="1"/>
  <c r="H65" i="1"/>
  <c r="E65" i="1"/>
  <c r="D65" i="1"/>
  <c r="B66" i="1" s="1"/>
  <c r="I65" i="1"/>
  <c r="M65" i="1"/>
  <c r="AE65" i="1"/>
  <c r="AB65" i="1"/>
  <c r="Z65" i="1"/>
  <c r="J65" i="1"/>
  <c r="Y66" i="1" l="1"/>
  <c r="AE66" i="1"/>
  <c r="AC66" i="1"/>
  <c r="X66" i="1"/>
  <c r="AG66" i="1"/>
  <c r="E66" i="1"/>
  <c r="Z66" i="1"/>
  <c r="L66" i="1"/>
  <c r="F66" i="1"/>
  <c r="AA66" i="1"/>
  <c r="U66" i="1"/>
  <c r="W66" i="1"/>
  <c r="G66" i="1"/>
  <c r="AD66" i="1"/>
  <c r="AF66" i="1"/>
  <c r="R66" i="1"/>
  <c r="O66" i="1"/>
  <c r="I66" i="1"/>
  <c r="M66" i="1"/>
  <c r="V66" i="1"/>
  <c r="N66" i="1"/>
  <c r="S66" i="1"/>
  <c r="H66" i="1"/>
  <c r="D66" i="1"/>
  <c r="B67" i="1" s="1"/>
  <c r="AB66" i="1"/>
  <c r="P66" i="1"/>
  <c r="J66" i="1"/>
  <c r="Q66" i="1"/>
  <c r="T66" i="1"/>
  <c r="K66" i="1"/>
  <c r="M67" i="1" l="1"/>
  <c r="E67" i="1"/>
  <c r="AF67" i="1"/>
  <c r="AG67" i="1"/>
  <c r="Z67" i="1"/>
  <c r="AA67" i="1"/>
  <c r="G67" i="1"/>
  <c r="U67" i="1"/>
  <c r="AD67" i="1"/>
  <c r="V67" i="1"/>
  <c r="D67" i="1"/>
  <c r="AB67" i="1"/>
  <c r="F67" i="1"/>
  <c r="J67" i="1"/>
  <c r="K67" i="1"/>
  <c r="W67" i="1"/>
  <c r="P67" i="1"/>
  <c r="Q67" i="1"/>
  <c r="S67" i="1"/>
  <c r="T67" i="1"/>
  <c r="N67" i="1"/>
  <c r="X67" i="1"/>
  <c r="R67" i="1"/>
  <c r="H67" i="1"/>
  <c r="AE67" i="1"/>
  <c r="Y67" i="1"/>
  <c r="I67" i="1"/>
  <c r="AC67" i="1"/>
  <c r="O67" i="1"/>
  <c r="L67" i="1"/>
  <c r="B68" i="1" l="1"/>
  <c r="U68" i="1" l="1"/>
  <c r="O68" i="1"/>
  <c r="T68" i="1"/>
  <c r="AF68" i="1"/>
  <c r="AC68" i="1"/>
  <c r="V68" i="1"/>
  <c r="L68" i="1"/>
  <c r="F68" i="1"/>
  <c r="AG68" i="1"/>
  <c r="Q68" i="1"/>
  <c r="S68" i="1"/>
  <c r="AD68" i="1"/>
  <c r="N68" i="1"/>
  <c r="H68" i="1"/>
  <c r="E68" i="1"/>
  <c r="K68" i="1"/>
  <c r="Z68" i="1"/>
  <c r="G68" i="1"/>
  <c r="P68" i="1"/>
  <c r="I68" i="1"/>
  <c r="Y68" i="1"/>
  <c r="M68" i="1"/>
  <c r="D68" i="1"/>
  <c r="B69" i="1" s="1"/>
  <c r="W68" i="1"/>
  <c r="AA68" i="1"/>
  <c r="J68" i="1"/>
  <c r="X68" i="1"/>
  <c r="R68" i="1"/>
  <c r="AE68" i="1"/>
  <c r="AB68" i="1"/>
  <c r="W69" i="1" l="1"/>
  <c r="Z69" i="1"/>
  <c r="S69" i="1"/>
  <c r="X69" i="1"/>
  <c r="AE69" i="1"/>
  <c r="AC69" i="1"/>
  <c r="Y69" i="1"/>
  <c r="K69" i="1"/>
  <c r="AG69" i="1"/>
  <c r="AD69" i="1"/>
  <c r="H69" i="1"/>
  <c r="N69" i="1"/>
  <c r="F69" i="1"/>
  <c r="D69" i="1"/>
  <c r="J69" i="1"/>
  <c r="M69" i="1"/>
  <c r="V69" i="1"/>
  <c r="AF69" i="1"/>
  <c r="E69" i="1"/>
  <c r="P69" i="1"/>
  <c r="I69" i="1"/>
  <c r="Q69" i="1"/>
  <c r="AA69" i="1"/>
  <c r="R69" i="1"/>
  <c r="AB69" i="1"/>
  <c r="O69" i="1"/>
  <c r="U69" i="1"/>
  <c r="L69" i="1"/>
  <c r="G69" i="1"/>
  <c r="T69" i="1"/>
  <c r="B70" i="1" l="1"/>
  <c r="F70" i="1" l="1"/>
  <c r="AD70" i="1"/>
  <c r="Z70" i="1"/>
  <c r="U70" i="1"/>
  <c r="AF70" i="1"/>
  <c r="AE70" i="1"/>
  <c r="AG70" i="1"/>
  <c r="R70" i="1"/>
  <c r="K70" i="1"/>
  <c r="O70" i="1"/>
  <c r="T70" i="1"/>
  <c r="S70" i="1"/>
  <c r="I70" i="1"/>
  <c r="P70" i="1"/>
  <c r="J70" i="1"/>
  <c r="L70" i="1"/>
  <c r="Q70" i="1"/>
  <c r="AA70" i="1"/>
  <c r="Y70" i="1"/>
  <c r="M70" i="1"/>
  <c r="W70" i="1"/>
  <c r="AB70" i="1"/>
  <c r="H70" i="1"/>
  <c r="V70" i="1"/>
  <c r="E70" i="1"/>
  <c r="G70" i="1"/>
  <c r="N70" i="1"/>
  <c r="D70" i="1"/>
  <c r="X70" i="1"/>
  <c r="AC70" i="1"/>
  <c r="B71" i="1" l="1"/>
  <c r="AA71" i="1" s="1"/>
  <c r="T71" i="1"/>
  <c r="N71" i="1"/>
  <c r="F71" i="1"/>
  <c r="H71" i="1"/>
  <c r="O71" i="1"/>
  <c r="AB71" i="1"/>
  <c r="Q71" i="1"/>
  <c r="P71" i="1"/>
  <c r="M71" i="1"/>
  <c r="U71" i="1"/>
  <c r="W71" i="1"/>
  <c r="AE71" i="1"/>
  <c r="Y71" i="1"/>
  <c r="AD71" i="1"/>
  <c r="J71" i="1"/>
  <c r="L71" i="1"/>
  <c r="K71" i="1"/>
  <c r="V71" i="1"/>
  <c r="S71" i="1"/>
  <c r="AF71" i="1"/>
  <c r="Z71" i="1"/>
  <c r="AG71" i="1"/>
  <c r="G71" i="1"/>
  <c r="D71" i="1"/>
  <c r="R71" i="1"/>
  <c r="X71" i="1"/>
  <c r="AC71" i="1"/>
  <c r="E71" i="1"/>
  <c r="I71" i="1"/>
  <c r="B72" i="1" l="1"/>
  <c r="AG72" i="1" l="1"/>
  <c r="V72" i="1"/>
  <c r="H72" i="1"/>
  <c r="M72" i="1"/>
  <c r="L72" i="1"/>
  <c r="N72" i="1"/>
  <c r="AD72" i="1"/>
  <c r="P72" i="1"/>
  <c r="AC72" i="1"/>
  <c r="Q72" i="1"/>
  <c r="T72" i="1"/>
  <c r="Z72" i="1"/>
  <c r="AE72" i="1"/>
  <c r="X72" i="1"/>
  <c r="AA72" i="1"/>
  <c r="E72" i="1"/>
  <c r="I72" i="1"/>
  <c r="AF72" i="1"/>
  <c r="AB72" i="1"/>
  <c r="S72" i="1"/>
  <c r="U72" i="1"/>
  <c r="W72" i="1"/>
  <c r="D72" i="1"/>
  <c r="B73" i="1" s="1"/>
  <c r="F72" i="1"/>
  <c r="O72" i="1"/>
  <c r="Y72" i="1"/>
  <c r="J72" i="1"/>
  <c r="R72" i="1"/>
  <c r="G72" i="1"/>
  <c r="K72" i="1"/>
  <c r="W73" i="1" l="1"/>
  <c r="K73" i="1"/>
  <c r="Q73" i="1"/>
  <c r="AB73" i="1"/>
  <c r="I73" i="1"/>
  <c r="S73" i="1"/>
  <c r="P73" i="1"/>
  <c r="E73" i="1"/>
  <c r="AD73" i="1"/>
  <c r="X73" i="1"/>
  <c r="J73" i="1"/>
  <c r="AA73" i="1"/>
  <c r="O73" i="1"/>
  <c r="H73" i="1"/>
  <c r="AE73" i="1"/>
  <c r="V73" i="1"/>
  <c r="R73" i="1"/>
  <c r="L73" i="1"/>
  <c r="U73" i="1"/>
  <c r="D73" i="1"/>
  <c r="T73" i="1"/>
  <c r="AF73" i="1"/>
  <c r="AG73" i="1"/>
  <c r="M73" i="1"/>
  <c r="AC73" i="1"/>
  <c r="Z73" i="1"/>
  <c r="F73" i="1"/>
  <c r="G73" i="1"/>
  <c r="N73" i="1"/>
  <c r="Y73" i="1"/>
  <c r="B74" i="1" l="1"/>
  <c r="L74" i="1" l="1"/>
  <c r="E74" i="1"/>
  <c r="AE74" i="1"/>
  <c r="AF74" i="1"/>
  <c r="Z74" i="1"/>
  <c r="Y74" i="1"/>
  <c r="M74" i="1"/>
  <c r="F74" i="1"/>
  <c r="W74" i="1"/>
  <c r="T74" i="1"/>
  <c r="J74" i="1"/>
  <c r="H74" i="1"/>
  <c r="AA74" i="1"/>
  <c r="K74" i="1"/>
  <c r="I74" i="1"/>
  <c r="V74" i="1"/>
  <c r="O74" i="1"/>
  <c r="P74" i="1"/>
  <c r="Q74" i="1"/>
  <c r="R74" i="1"/>
  <c r="G74" i="1"/>
  <c r="AC74" i="1"/>
  <c r="D74" i="1"/>
  <c r="B75" i="1" s="1"/>
  <c r="S74" i="1"/>
  <c r="AD74" i="1"/>
  <c r="X74" i="1"/>
  <c r="AG74" i="1"/>
  <c r="U74" i="1"/>
  <c r="N74" i="1"/>
  <c r="AB74" i="1"/>
  <c r="G75" i="1" l="1"/>
  <c r="N75" i="1"/>
  <c r="T75" i="1"/>
  <c r="J75" i="1"/>
  <c r="X75" i="1"/>
  <c r="U75" i="1"/>
  <c r="R75" i="1"/>
  <c r="Y75" i="1"/>
  <c r="V75" i="1"/>
  <c r="O75" i="1"/>
  <c r="AE75" i="1"/>
  <c r="AB75" i="1"/>
  <c r="F75" i="1"/>
  <c r="P75" i="1"/>
  <c r="E75" i="1"/>
  <c r="AG75" i="1"/>
  <c r="M75" i="1"/>
  <c r="AC75" i="1"/>
  <c r="AA75" i="1"/>
  <c r="AD75" i="1"/>
  <c r="H75" i="1"/>
  <c r="Z75" i="1"/>
  <c r="W75" i="1"/>
  <c r="AF75" i="1"/>
  <c r="D75" i="1"/>
  <c r="I75" i="1"/>
  <c r="Q75" i="1"/>
  <c r="K75" i="1"/>
  <c r="S75" i="1"/>
  <c r="L75" i="1"/>
  <c r="B76" i="1" l="1"/>
  <c r="AA76" i="1" l="1"/>
  <c r="E76" i="1"/>
  <c r="I76" i="1"/>
  <c r="P76" i="1"/>
  <c r="L76" i="1"/>
  <c r="N76" i="1"/>
  <c r="Y76" i="1"/>
  <c r="R76" i="1"/>
  <c r="W76" i="1"/>
  <c r="J76" i="1"/>
  <c r="AF76" i="1"/>
  <c r="Q76" i="1"/>
  <c r="O76" i="1"/>
  <c r="AG76" i="1"/>
  <c r="U76" i="1"/>
  <c r="F76" i="1"/>
  <c r="K76" i="1"/>
  <c r="AC76" i="1"/>
  <c r="X76" i="1"/>
  <c r="AD76" i="1"/>
  <c r="Z76" i="1"/>
  <c r="G76" i="1"/>
  <c r="AB76" i="1"/>
  <c r="B77" i="1" s="1"/>
  <c r="V76" i="1"/>
  <c r="H76" i="1"/>
  <c r="AE76" i="1"/>
  <c r="D76" i="1"/>
  <c r="M76" i="1"/>
  <c r="T76" i="1"/>
  <c r="S76" i="1"/>
  <c r="J77" i="1" l="1"/>
  <c r="G77" i="1"/>
  <c r="AG77" i="1"/>
  <c r="H77" i="1"/>
  <c r="U77" i="1"/>
  <c r="X77" i="1"/>
  <c r="O77" i="1"/>
  <c r="L77" i="1"/>
  <c r="P77" i="1"/>
  <c r="AD77" i="1"/>
  <c r="R77" i="1"/>
  <c r="V77" i="1"/>
  <c r="E77" i="1"/>
  <c r="S77" i="1"/>
  <c r="W77" i="1"/>
  <c r="AF77" i="1"/>
  <c r="M77" i="1"/>
  <c r="AB77" i="1"/>
  <c r="D77" i="1"/>
  <c r="K77" i="1"/>
  <c r="T77" i="1"/>
  <c r="I77" i="1"/>
  <c r="Q77" i="1"/>
  <c r="N77" i="1"/>
  <c r="AA77" i="1"/>
  <c r="AC77" i="1"/>
  <c r="Y77" i="1"/>
  <c r="F77" i="1"/>
  <c r="AE77" i="1"/>
  <c r="Z77" i="1"/>
  <c r="B78" i="1" l="1"/>
  <c r="W78" i="1" l="1"/>
  <c r="I78" i="1"/>
  <c r="J78" i="1"/>
  <c r="N78" i="1"/>
  <c r="R78" i="1"/>
  <c r="V78" i="1"/>
  <c r="S78" i="1"/>
  <c r="AA78" i="1"/>
  <c r="K78" i="1"/>
  <c r="P78" i="1"/>
  <c r="AD78" i="1"/>
  <c r="T78" i="1"/>
  <c r="G78" i="1"/>
  <c r="AE78" i="1"/>
  <c r="F78" i="1"/>
  <c r="AC78" i="1"/>
  <c r="X78" i="1"/>
  <c r="Z78" i="1"/>
  <c r="D78" i="1"/>
  <c r="Y78" i="1"/>
  <c r="L78" i="1"/>
  <c r="H78" i="1"/>
  <c r="AG78" i="1"/>
  <c r="E78" i="1"/>
  <c r="O78" i="1"/>
  <c r="M78" i="1"/>
  <c r="AF78" i="1"/>
  <c r="U78" i="1"/>
  <c r="AB78" i="1"/>
  <c r="Q78" i="1"/>
  <c r="B79" i="1" l="1"/>
  <c r="AE79" i="1" l="1"/>
  <c r="S79" i="1"/>
  <c r="AA79" i="1"/>
  <c r="Q79" i="1"/>
  <c r="T79" i="1"/>
  <c r="Y79" i="1"/>
  <c r="H79" i="1"/>
  <c r="AB79" i="1"/>
  <c r="AF79" i="1"/>
  <c r="L79" i="1"/>
  <c r="F79" i="1"/>
  <c r="AC79" i="1"/>
  <c r="O79" i="1"/>
  <c r="AD79" i="1"/>
  <c r="K79" i="1"/>
  <c r="I79" i="1"/>
  <c r="E79" i="1"/>
  <c r="G79" i="1"/>
  <c r="P79" i="1"/>
  <c r="N79" i="1"/>
  <c r="R79" i="1"/>
  <c r="W79" i="1"/>
  <c r="AG79" i="1"/>
  <c r="D79" i="1"/>
  <c r="B80" i="1" s="1"/>
  <c r="J79" i="1"/>
  <c r="Z79" i="1"/>
  <c r="X79" i="1"/>
  <c r="U79" i="1"/>
  <c r="M79" i="1"/>
  <c r="V79" i="1"/>
  <c r="AA80" i="1" l="1"/>
  <c r="M80" i="1"/>
  <c r="G80" i="1"/>
  <c r="AB80" i="1"/>
  <c r="J80" i="1"/>
  <c r="V80" i="1"/>
  <c r="AF80" i="1"/>
  <c r="T80" i="1"/>
  <c r="AE80" i="1"/>
  <c r="P80" i="1"/>
  <c r="E80" i="1"/>
  <c r="I80" i="1"/>
  <c r="U80" i="1"/>
  <c r="Y80" i="1"/>
  <c r="Z80" i="1"/>
  <c r="S80" i="1"/>
  <c r="R80" i="1"/>
  <c r="W80" i="1"/>
  <c r="H80" i="1"/>
  <c r="AC80" i="1"/>
  <c r="O80" i="1"/>
  <c r="Q80" i="1"/>
  <c r="D80" i="1"/>
  <c r="B81" i="1" s="1"/>
  <c r="X80" i="1"/>
  <c r="L80" i="1"/>
  <c r="AD80" i="1"/>
  <c r="N80" i="1"/>
  <c r="AG80" i="1"/>
  <c r="K80" i="1"/>
  <c r="F80" i="1"/>
  <c r="I81" i="1" l="1"/>
  <c r="D81" i="1"/>
  <c r="X81" i="1"/>
  <c r="AA81" i="1"/>
  <c r="AG81" i="1"/>
  <c r="U81" i="1"/>
  <c r="F81" i="1"/>
  <c r="Y81" i="1"/>
  <c r="V81" i="1"/>
  <c r="H81" i="1"/>
  <c r="AB81" i="1"/>
  <c r="Q81" i="1"/>
  <c r="AD81" i="1"/>
  <c r="K81" i="1"/>
  <c r="E81" i="1"/>
  <c r="R81" i="1"/>
  <c r="T81" i="1"/>
  <c r="AE81" i="1"/>
  <c r="M81" i="1"/>
  <c r="O81" i="1"/>
  <c r="J81" i="1"/>
  <c r="S81" i="1"/>
  <c r="L81" i="1"/>
  <c r="G81" i="1"/>
  <c r="B82" i="1" s="1"/>
  <c r="W81" i="1"/>
  <c r="AF81" i="1"/>
  <c r="AC81" i="1"/>
  <c r="N81" i="1"/>
  <c r="P81" i="1"/>
  <c r="Z81" i="1"/>
  <c r="W82" i="1" l="1"/>
  <c r="Y82" i="1"/>
  <c r="D82" i="1"/>
  <c r="L82" i="1"/>
  <c r="AE82" i="1"/>
  <c r="T82" i="1"/>
  <c r="M82" i="1"/>
  <c r="E82" i="1"/>
  <c r="Q82" i="1"/>
  <c r="AA82" i="1"/>
  <c r="Z82" i="1"/>
  <c r="AC82" i="1"/>
  <c r="J82" i="1"/>
  <c r="P82" i="1"/>
  <c r="H82" i="1"/>
  <c r="I82" i="1"/>
  <c r="N82" i="1"/>
  <c r="X82" i="1"/>
  <c r="F82" i="1"/>
  <c r="O82" i="1"/>
  <c r="K82" i="1"/>
  <c r="U82" i="1"/>
  <c r="R82" i="1"/>
  <c r="AG82" i="1"/>
  <c r="V82" i="1"/>
  <c r="AB82" i="1"/>
  <c r="AF82" i="1"/>
  <c r="AD82" i="1"/>
  <c r="G82" i="1"/>
  <c r="S82" i="1"/>
  <c r="B83" i="1" l="1"/>
  <c r="E83" i="1" l="1"/>
  <c r="F83" i="1"/>
  <c r="S83" i="1"/>
  <c r="Q83" i="1"/>
  <c r="W83" i="1"/>
  <c r="AF83" i="1"/>
  <c r="N83" i="1"/>
  <c r="G83" i="1"/>
  <c r="AG83" i="1"/>
  <c r="R83" i="1"/>
  <c r="AC83" i="1"/>
  <c r="AB83" i="1"/>
  <c r="U83" i="1"/>
  <c r="O83" i="1"/>
  <c r="AD83" i="1"/>
  <c r="I83" i="1"/>
  <c r="M83" i="1"/>
  <c r="P83" i="1"/>
  <c r="T83" i="1"/>
  <c r="AA83" i="1"/>
  <c r="Y83" i="1"/>
  <c r="V83" i="1"/>
  <c r="X83" i="1"/>
  <c r="D83" i="1"/>
  <c r="B84" i="1" s="1"/>
  <c r="AE83" i="1"/>
  <c r="J83" i="1"/>
  <c r="Z83" i="1"/>
  <c r="L83" i="1"/>
  <c r="H83" i="1"/>
  <c r="K83" i="1"/>
  <c r="AA84" i="1" l="1"/>
  <c r="O84" i="1"/>
  <c r="H84" i="1"/>
  <c r="M84" i="1"/>
  <c r="Y84" i="1"/>
  <c r="AF84" i="1"/>
  <c r="AD84" i="1"/>
  <c r="J84" i="1"/>
  <c r="AG84" i="1"/>
  <c r="N84" i="1"/>
  <c r="X84" i="1"/>
  <c r="AE84" i="1"/>
  <c r="I84" i="1"/>
  <c r="T84" i="1"/>
  <c r="R84" i="1"/>
  <c r="F84" i="1"/>
  <c r="AB84" i="1"/>
  <c r="V84" i="1"/>
  <c r="Z84" i="1"/>
  <c r="L84" i="1"/>
  <c r="K84" i="1"/>
  <c r="Q84" i="1"/>
  <c r="U84" i="1"/>
  <c r="P84" i="1"/>
  <c r="D84" i="1"/>
  <c r="E84" i="1"/>
  <c r="G84" i="1"/>
  <c r="W84" i="1"/>
  <c r="S84" i="1"/>
  <c r="AC84" i="1"/>
  <c r="B85" i="1" l="1"/>
  <c r="D85" i="1" l="1"/>
  <c r="AB85" i="1"/>
  <c r="W85" i="1"/>
  <c r="L85" i="1"/>
  <c r="F85" i="1"/>
  <c r="N85" i="1"/>
  <c r="AC85" i="1"/>
  <c r="J85" i="1"/>
  <c r="AA85" i="1"/>
  <c r="H85" i="1"/>
  <c r="Y85" i="1"/>
  <c r="E85" i="1"/>
  <c r="O85" i="1"/>
  <c r="I85" i="1"/>
  <c r="K85" i="1"/>
  <c r="M85" i="1"/>
  <c r="Z85" i="1"/>
  <c r="S85" i="1"/>
  <c r="U85" i="1"/>
  <c r="Q85" i="1"/>
  <c r="X85" i="1"/>
  <c r="T85" i="1"/>
  <c r="P85" i="1"/>
  <c r="V85" i="1"/>
  <c r="AG85" i="1"/>
  <c r="AD85" i="1"/>
  <c r="G85" i="1"/>
  <c r="AF85" i="1"/>
  <c r="AE85" i="1"/>
  <c r="R85" i="1"/>
  <c r="B86" i="1" l="1"/>
  <c r="W86" i="1" l="1"/>
  <c r="AA86" i="1"/>
  <c r="T86" i="1"/>
  <c r="Z86" i="1"/>
  <c r="AE86" i="1"/>
  <c r="H86" i="1"/>
  <c r="AD86" i="1"/>
  <c r="D86" i="1"/>
  <c r="B87" i="1" s="1"/>
  <c r="R86" i="1"/>
  <c r="P86" i="1"/>
  <c r="U86" i="1"/>
  <c r="I86" i="1"/>
  <c r="AG86" i="1"/>
  <c r="AF86" i="1"/>
  <c r="S86" i="1"/>
  <c r="X86" i="1"/>
  <c r="G86" i="1"/>
  <c r="F86" i="1"/>
  <c r="O86" i="1"/>
  <c r="N86" i="1"/>
  <c r="K86" i="1"/>
  <c r="M86" i="1"/>
  <c r="Y86" i="1"/>
  <c r="AC86" i="1"/>
  <c r="L86" i="1"/>
  <c r="AB86" i="1"/>
  <c r="V86" i="1"/>
  <c r="E86" i="1"/>
  <c r="Q86" i="1"/>
  <c r="J86" i="1"/>
  <c r="G87" i="1" l="1"/>
  <c r="AE87" i="1"/>
  <c r="X87" i="1"/>
  <c r="AB87" i="1"/>
  <c r="V87" i="1"/>
  <c r="Y87" i="1"/>
  <c r="AF87" i="1"/>
  <c r="AG87" i="1"/>
  <c r="M87" i="1"/>
  <c r="K87" i="1"/>
  <c r="W87" i="1"/>
  <c r="T87" i="1"/>
  <c r="D87" i="1"/>
  <c r="U87" i="1"/>
  <c r="I87" i="1"/>
  <c r="R87" i="1"/>
  <c r="L87" i="1"/>
  <c r="E87" i="1"/>
  <c r="Q87" i="1"/>
  <c r="F87" i="1"/>
  <c r="H87" i="1"/>
  <c r="N87" i="1"/>
  <c r="P87" i="1"/>
  <c r="AD87" i="1"/>
  <c r="J87" i="1"/>
  <c r="AC87" i="1"/>
  <c r="S87" i="1"/>
  <c r="Z87" i="1"/>
  <c r="O87" i="1"/>
  <c r="AA87" i="1"/>
  <c r="B88" i="1" l="1"/>
  <c r="AA88" i="1"/>
  <c r="U88" i="1"/>
  <c r="D88" i="1"/>
  <c r="R88" i="1"/>
  <c r="AE88" i="1"/>
  <c r="N88" i="1"/>
  <c r="G88" i="1"/>
  <c r="Q88" i="1"/>
  <c r="X88" i="1"/>
  <c r="O88" i="1"/>
  <c r="V88" i="1"/>
  <c r="AF88" i="1"/>
  <c r="S88" i="1"/>
  <c r="J88" i="1"/>
  <c r="H88" i="1"/>
  <c r="L88" i="1"/>
  <c r="Z88" i="1"/>
  <c r="AB88" i="1"/>
  <c r="I88" i="1"/>
  <c r="T88" i="1"/>
  <c r="M88" i="1"/>
  <c r="AD88" i="1"/>
  <c r="P88" i="1"/>
  <c r="F88" i="1"/>
  <c r="Y88" i="1"/>
  <c r="E88" i="1"/>
  <c r="AC88" i="1"/>
  <c r="K88" i="1"/>
  <c r="W88" i="1"/>
  <c r="AG88" i="1"/>
  <c r="B89" i="1" l="1"/>
  <c r="U89" i="1" l="1"/>
  <c r="AE89" i="1"/>
  <c r="D89" i="1"/>
  <c r="AD89" i="1"/>
  <c r="AC89" i="1"/>
  <c r="K89" i="1"/>
  <c r="H89" i="1"/>
  <c r="Z89" i="1"/>
  <c r="O89" i="1"/>
  <c r="AA89" i="1"/>
  <c r="Q89" i="1"/>
  <c r="S89" i="1"/>
  <c r="N89" i="1"/>
  <c r="P89" i="1"/>
  <c r="F89" i="1"/>
  <c r="V89" i="1"/>
  <c r="I89" i="1"/>
  <c r="AF89" i="1"/>
  <c r="X89" i="1"/>
  <c r="L89" i="1"/>
  <c r="Y89" i="1"/>
  <c r="W89" i="1"/>
  <c r="E89" i="1"/>
  <c r="AB89" i="1"/>
  <c r="M89" i="1"/>
  <c r="T89" i="1"/>
  <c r="R89" i="1"/>
  <c r="G89" i="1"/>
  <c r="AG89" i="1"/>
  <c r="J89" i="1"/>
  <c r="B90" i="1" l="1"/>
  <c r="W90" i="1" l="1"/>
  <c r="M90" i="1"/>
  <c r="F90" i="1"/>
  <c r="H90" i="1"/>
  <c r="AE90" i="1"/>
  <c r="X90" i="1"/>
  <c r="AF90" i="1"/>
  <c r="K90" i="1"/>
  <c r="S90" i="1"/>
  <c r="O90" i="1"/>
  <c r="Z90" i="1"/>
  <c r="Q90" i="1"/>
  <c r="D90" i="1"/>
  <c r="AA90" i="1"/>
  <c r="N90" i="1"/>
  <c r="AD90" i="1"/>
  <c r="P90" i="1"/>
  <c r="L90" i="1"/>
  <c r="I90" i="1"/>
  <c r="U90" i="1"/>
  <c r="J90" i="1"/>
  <c r="Y90" i="1"/>
  <c r="AB90" i="1"/>
  <c r="G90" i="1"/>
  <c r="V90" i="1"/>
  <c r="AG90" i="1"/>
  <c r="T90" i="1"/>
  <c r="R90" i="1"/>
  <c r="E90" i="1"/>
  <c r="AC90" i="1"/>
  <c r="B91" i="1" l="1"/>
  <c r="M91" i="1" s="1"/>
  <c r="R91" i="1"/>
  <c r="E91" i="1"/>
  <c r="S91" i="1"/>
  <c r="U91" i="1"/>
  <c r="AB91" i="1"/>
  <c r="I91" i="1"/>
  <c r="L91" i="1"/>
  <c r="Q91" i="1"/>
  <c r="D91" i="1"/>
  <c r="AE91" i="1"/>
  <c r="Y91" i="1"/>
  <c r="N91" i="1"/>
  <c r="J91" i="1"/>
  <c r="AF91" i="1"/>
  <c r="K91" i="1"/>
  <c r="V91" i="1"/>
  <c r="AA91" i="1"/>
  <c r="G91" i="1"/>
  <c r="AC91" i="1"/>
  <c r="O91" i="1"/>
  <c r="Z91" i="1"/>
  <c r="H91" i="1" l="1"/>
  <c r="X91" i="1"/>
  <c r="P91" i="1"/>
  <c r="AD91" i="1"/>
  <c r="AG91" i="1"/>
  <c r="T91" i="1"/>
  <c r="W91" i="1"/>
  <c r="F91" i="1"/>
  <c r="B92" i="1" s="1"/>
  <c r="L92" i="1" l="1"/>
  <c r="Z92" i="1"/>
  <c r="S92" i="1"/>
  <c r="X92" i="1"/>
  <c r="AA92" i="1"/>
  <c r="T92" i="1"/>
  <c r="E92" i="1"/>
  <c r="AC92" i="1"/>
  <c r="J92" i="1"/>
  <c r="AE92" i="1"/>
  <c r="Q92" i="1"/>
  <c r="U92" i="1"/>
  <c r="R92" i="1"/>
  <c r="W92" i="1"/>
  <c r="D92" i="1"/>
  <c r="AD92" i="1"/>
  <c r="V92" i="1"/>
  <c r="AF92" i="1"/>
  <c r="I92" i="1"/>
  <c r="H92" i="1"/>
  <c r="M92" i="1"/>
  <c r="AG92" i="1"/>
  <c r="AB92" i="1"/>
  <c r="P92" i="1"/>
  <c r="O92" i="1"/>
  <c r="K92" i="1"/>
  <c r="Y92" i="1"/>
  <c r="G92" i="1"/>
  <c r="N92" i="1"/>
  <c r="F92" i="1"/>
  <c r="B93" i="1"/>
  <c r="L93" i="1" l="1"/>
  <c r="N93" i="1"/>
  <c r="P93" i="1"/>
  <c r="AF93" i="1"/>
  <c r="R93" i="1"/>
  <c r="D93" i="1"/>
  <c r="B94" i="1" s="1"/>
  <c r="S93" i="1"/>
  <c r="M93" i="1"/>
  <c r="Z93" i="1"/>
  <c r="V93" i="1"/>
  <c r="J93" i="1"/>
  <c r="E93" i="1"/>
  <c r="I93" i="1"/>
  <c r="U93" i="1"/>
  <c r="W93" i="1"/>
  <c r="AA93" i="1"/>
  <c r="Q93" i="1"/>
  <c r="AD93" i="1"/>
  <c r="Y93" i="1"/>
  <c r="AG93" i="1"/>
  <c r="O93" i="1"/>
  <c r="X93" i="1"/>
  <c r="T93" i="1"/>
  <c r="H93" i="1"/>
  <c r="AB93" i="1"/>
  <c r="F93" i="1"/>
  <c r="K93" i="1"/>
  <c r="G93" i="1"/>
  <c r="AE93" i="1"/>
  <c r="AC93" i="1"/>
  <c r="AA94" i="1" l="1"/>
  <c r="T94" i="1"/>
  <c r="AE94" i="1"/>
  <c r="O94" i="1"/>
  <c r="H94" i="1"/>
  <c r="F94" i="1"/>
  <c r="Y94" i="1"/>
  <c r="Q94" i="1"/>
  <c r="AF94" i="1"/>
  <c r="P94" i="1"/>
  <c r="U94" i="1"/>
  <c r="E94" i="1"/>
  <c r="AG94" i="1"/>
  <c r="AC94" i="1"/>
  <c r="L94" i="1"/>
  <c r="Z94" i="1"/>
  <c r="I94" i="1"/>
  <c r="R94" i="1"/>
  <c r="D94" i="1"/>
  <c r="K94" i="1"/>
  <c r="M94" i="1"/>
  <c r="S94" i="1"/>
  <c r="W94" i="1"/>
  <c r="G94" i="1"/>
  <c r="AD94" i="1"/>
  <c r="X94" i="1"/>
  <c r="AB94" i="1"/>
  <c r="N94" i="1"/>
  <c r="J94" i="1"/>
  <c r="V94" i="1"/>
  <c r="B95" i="1" l="1"/>
  <c r="X95" i="1" l="1"/>
  <c r="I95" i="1"/>
  <c r="V95" i="1"/>
  <c r="AG95" i="1"/>
  <c r="R95" i="1"/>
  <c r="AD95" i="1"/>
  <c r="G95" i="1"/>
  <c r="AA95" i="1"/>
  <c r="M95" i="1"/>
  <c r="J95" i="1"/>
  <c r="U95" i="1"/>
  <c r="S95" i="1"/>
  <c r="H95" i="1"/>
  <c r="K95" i="1"/>
  <c r="Q95" i="1"/>
  <c r="AF95" i="1"/>
  <c r="N95" i="1"/>
  <c r="P95" i="1"/>
  <c r="Y95" i="1"/>
  <c r="AC95" i="1"/>
  <c r="F95" i="1"/>
  <c r="O95" i="1"/>
  <c r="L95" i="1"/>
  <c r="E95" i="1"/>
  <c r="D95" i="1"/>
  <c r="AE95" i="1"/>
  <c r="T95" i="1"/>
  <c r="AB95" i="1"/>
  <c r="W95" i="1"/>
  <c r="Z95" i="1"/>
  <c r="B96" i="1" l="1"/>
  <c r="W96" i="1" l="1"/>
  <c r="AF96" i="1"/>
  <c r="H96" i="1"/>
  <c r="AB96" i="1"/>
  <c r="AE96" i="1"/>
  <c r="Q96" i="1"/>
  <c r="J96" i="1"/>
  <c r="L96" i="1"/>
  <c r="Z96" i="1"/>
  <c r="AC96" i="1"/>
  <c r="S96" i="1"/>
  <c r="G96" i="1"/>
  <c r="R96" i="1"/>
  <c r="O96" i="1"/>
  <c r="Y96" i="1"/>
  <c r="E96" i="1"/>
  <c r="N96" i="1"/>
  <c r="U96" i="1"/>
  <c r="K96" i="1"/>
  <c r="AG96" i="1"/>
  <c r="P96" i="1"/>
  <c r="AA96" i="1"/>
  <c r="X96" i="1"/>
  <c r="AD96" i="1"/>
  <c r="I96" i="1"/>
  <c r="D96" i="1"/>
  <c r="F96" i="1"/>
  <c r="T96" i="1"/>
  <c r="M96" i="1"/>
  <c r="V96" i="1"/>
  <c r="B97" i="1" l="1"/>
  <c r="K97" i="1" l="1"/>
  <c r="X97" i="1"/>
  <c r="AD97" i="1"/>
  <c r="F97" i="1"/>
  <c r="AA97" i="1"/>
  <c r="G97" i="1"/>
  <c r="Y97" i="1"/>
  <c r="M97" i="1"/>
  <c r="AG97" i="1"/>
  <c r="L97" i="1"/>
  <c r="J97" i="1"/>
  <c r="T97" i="1"/>
  <c r="P97" i="1"/>
  <c r="E97" i="1"/>
  <c r="W97" i="1"/>
  <c r="N97" i="1"/>
  <c r="I97" i="1"/>
  <c r="S97" i="1"/>
  <c r="U97" i="1"/>
  <c r="Q97" i="1"/>
  <c r="V97" i="1"/>
  <c r="D97" i="1"/>
  <c r="B98" i="1" s="1"/>
  <c r="O97" i="1"/>
  <c r="AC97" i="1"/>
  <c r="AF97" i="1"/>
  <c r="AB97" i="1"/>
  <c r="Z97" i="1"/>
  <c r="AE97" i="1"/>
  <c r="R97" i="1"/>
  <c r="H97" i="1"/>
  <c r="AA98" i="1" l="1"/>
  <c r="AC98" i="1"/>
  <c r="AE98" i="1"/>
  <c r="R98" i="1"/>
  <c r="D98" i="1"/>
  <c r="F98" i="1"/>
  <c r="I98" i="1"/>
  <c r="L98" i="1"/>
  <c r="Y98" i="1"/>
  <c r="G98" i="1"/>
  <c r="P98" i="1"/>
  <c r="AB98" i="1"/>
  <c r="AF98" i="1"/>
  <c r="J98" i="1"/>
  <c r="K98" i="1"/>
  <c r="AG98" i="1"/>
  <c r="U98" i="1"/>
  <c r="W98" i="1"/>
  <c r="N98" i="1"/>
  <c r="T98" i="1"/>
  <c r="V98" i="1"/>
  <c r="M98" i="1"/>
  <c r="S98" i="1"/>
  <c r="O98" i="1"/>
  <c r="X98" i="1"/>
  <c r="AD98" i="1"/>
  <c r="E98" i="1"/>
  <c r="Q98" i="1"/>
  <c r="Z98" i="1"/>
  <c r="H98" i="1"/>
  <c r="B99" i="1" l="1"/>
  <c r="U99" i="1" l="1"/>
  <c r="W99" i="1"/>
  <c r="AA99" i="1"/>
  <c r="T99" i="1"/>
  <c r="AC99" i="1"/>
  <c r="Q99" i="1"/>
  <c r="I99" i="1"/>
  <c r="F99" i="1"/>
  <c r="H99" i="1"/>
  <c r="AG99" i="1"/>
  <c r="D99" i="1"/>
  <c r="G99" i="1"/>
  <c r="AB99" i="1"/>
  <c r="AE99" i="1"/>
  <c r="Z99" i="1"/>
  <c r="P99" i="1"/>
  <c r="J99" i="1"/>
  <c r="V99" i="1"/>
  <c r="L99" i="1"/>
  <c r="S99" i="1"/>
  <c r="N99" i="1"/>
  <c r="K99" i="1"/>
  <c r="X99" i="1"/>
  <c r="R99" i="1"/>
  <c r="AD99" i="1"/>
  <c r="AF99" i="1"/>
  <c r="E99" i="1"/>
  <c r="Y99" i="1"/>
  <c r="M99" i="1"/>
  <c r="O99" i="1"/>
  <c r="B100" i="1" l="1"/>
  <c r="AF100" i="1" l="1"/>
  <c r="N100" i="1"/>
  <c r="L100" i="1"/>
  <c r="O100" i="1"/>
  <c r="AB100" i="1"/>
  <c r="E100" i="1"/>
  <c r="Y100" i="1"/>
  <c r="S100" i="1"/>
  <c r="AE100" i="1"/>
  <c r="M100" i="1"/>
  <c r="H100" i="1"/>
  <c r="D100" i="1"/>
  <c r="P100" i="1"/>
  <c r="K100" i="1"/>
  <c r="V100" i="1"/>
  <c r="G100" i="1"/>
  <c r="I100" i="1"/>
  <c r="AD100" i="1"/>
  <c r="AC100" i="1"/>
  <c r="Q100" i="1"/>
  <c r="W100" i="1"/>
  <c r="U100" i="1"/>
  <c r="AA100" i="1"/>
  <c r="J100" i="1"/>
  <c r="F100" i="1"/>
  <c r="T100" i="1"/>
  <c r="Z100" i="1"/>
  <c r="AG100" i="1"/>
  <c r="R100" i="1"/>
  <c r="X100" i="1"/>
  <c r="B101" i="1" l="1"/>
  <c r="Y101" i="1" l="1"/>
  <c r="D101" i="1"/>
  <c r="E101" i="1"/>
  <c r="AC101" i="1"/>
  <c r="L101" i="1"/>
  <c r="U101" i="1"/>
  <c r="N101" i="1"/>
  <c r="T101" i="1"/>
  <c r="AE101" i="1"/>
  <c r="R101" i="1"/>
  <c r="AB101" i="1"/>
  <c r="F101" i="1"/>
  <c r="P101" i="1"/>
  <c r="AF101" i="1"/>
  <c r="I101" i="1"/>
  <c r="Q101" i="1"/>
  <c r="AG101" i="1"/>
  <c r="J101" i="1"/>
  <c r="O101" i="1"/>
  <c r="AD101" i="1"/>
  <c r="Z101" i="1"/>
  <c r="V101" i="1"/>
  <c r="K101" i="1"/>
  <c r="G101" i="1"/>
  <c r="S101" i="1"/>
  <c r="AA101" i="1"/>
  <c r="W101" i="1"/>
  <c r="M101" i="1"/>
  <c r="X101" i="1"/>
  <c r="H101" i="1"/>
  <c r="B102" i="1" l="1"/>
  <c r="E102" i="1" l="1"/>
  <c r="R102" i="1"/>
  <c r="Y102" i="1"/>
  <c r="U102" i="1"/>
  <c r="I102" i="1"/>
  <c r="AA102" i="1"/>
  <c r="N102" i="1"/>
  <c r="D102" i="1"/>
  <c r="B103" i="1" s="1"/>
  <c r="F102" i="1"/>
  <c r="L102" i="1"/>
  <c r="H102" i="1"/>
  <c r="T102" i="1"/>
  <c r="V102" i="1"/>
  <c r="G102" i="1"/>
  <c r="K102" i="1"/>
  <c r="M102" i="1"/>
  <c r="AF102" i="1"/>
  <c r="Z102" i="1"/>
  <c r="S102" i="1"/>
  <c r="J102" i="1"/>
  <c r="AC102" i="1"/>
  <c r="W102" i="1"/>
  <c r="P102" i="1"/>
  <c r="Q102" i="1"/>
  <c r="X102" i="1"/>
  <c r="AD102" i="1"/>
  <c r="AG102" i="1"/>
  <c r="O102" i="1"/>
  <c r="AE102" i="1"/>
  <c r="AB102" i="1"/>
  <c r="U103" i="1" l="1"/>
  <c r="W103" i="1"/>
  <c r="AG103" i="1"/>
  <c r="I103" i="1"/>
  <c r="AC103" i="1"/>
  <c r="AE103" i="1"/>
  <c r="X103" i="1"/>
  <c r="L103" i="1"/>
  <c r="T103" i="1"/>
  <c r="Z103" i="1"/>
  <c r="H103" i="1"/>
  <c r="D103" i="1"/>
  <c r="G103" i="1"/>
  <c r="M103" i="1"/>
  <c r="AA103" i="1"/>
  <c r="Q103" i="1"/>
  <c r="AB103" i="1"/>
  <c r="V103" i="1"/>
  <c r="Y103" i="1"/>
  <c r="J103" i="1"/>
  <c r="AD103" i="1"/>
  <c r="K103" i="1"/>
  <c r="E103" i="1"/>
  <c r="AF103" i="1"/>
  <c r="O103" i="1"/>
  <c r="S103" i="1"/>
  <c r="F103" i="1"/>
  <c r="N103" i="1"/>
  <c r="R103" i="1"/>
  <c r="P103" i="1"/>
  <c r="B104" i="1" l="1"/>
  <c r="AF104" i="1" l="1"/>
  <c r="R104" i="1"/>
  <c r="AA104" i="1"/>
  <c r="W104" i="1"/>
  <c r="D104" i="1"/>
  <c r="AE104" i="1"/>
  <c r="AD104" i="1"/>
  <c r="AB104" i="1"/>
  <c r="X104" i="1"/>
  <c r="S104" i="1"/>
  <c r="Z104" i="1"/>
  <c r="G104" i="1"/>
  <c r="I104" i="1"/>
  <c r="K104" i="1"/>
  <c r="T104" i="1"/>
  <c r="O104" i="1"/>
  <c r="Q104" i="1"/>
  <c r="V104" i="1"/>
  <c r="M104" i="1"/>
  <c r="AC104" i="1"/>
  <c r="AG104" i="1"/>
  <c r="J104" i="1"/>
  <c r="E104" i="1"/>
  <c r="L104" i="1"/>
  <c r="N104" i="1"/>
  <c r="Y104" i="1"/>
  <c r="H104" i="1"/>
  <c r="F104" i="1"/>
  <c r="U104" i="1"/>
  <c r="P104" i="1"/>
  <c r="B105" i="1" l="1"/>
  <c r="Y105" i="1" l="1"/>
  <c r="P105" i="1"/>
  <c r="U105" i="1"/>
  <c r="AA105" i="1"/>
  <c r="AC105" i="1"/>
  <c r="AE105" i="1"/>
  <c r="O105" i="1"/>
  <c r="J105" i="1"/>
  <c r="AF105" i="1"/>
  <c r="D105" i="1"/>
  <c r="T105" i="1"/>
  <c r="AD105" i="1"/>
  <c r="H105" i="1"/>
  <c r="AG105" i="1"/>
  <c r="F105" i="1"/>
  <c r="Z105" i="1"/>
  <c r="AB105" i="1"/>
  <c r="R105" i="1"/>
  <c r="K105" i="1"/>
  <c r="I105" i="1"/>
  <c r="X105" i="1"/>
  <c r="Q105" i="1"/>
  <c r="L105" i="1"/>
  <c r="M105" i="1"/>
  <c r="N105" i="1"/>
  <c r="W105" i="1"/>
  <c r="S105" i="1"/>
  <c r="V105" i="1"/>
  <c r="E105" i="1"/>
  <c r="G105" i="1"/>
</calcChain>
</file>

<file path=xl/sharedStrings.xml><?xml version="1.0" encoding="utf-8"?>
<sst xmlns="http://schemas.openxmlformats.org/spreadsheetml/2006/main" count="4" uniqueCount="4">
  <si>
    <t>Bath bankja</t>
  </si>
  <si>
    <t>n=</t>
  </si>
  <si>
    <t>Lép</t>
  </si>
  <si>
    <t>H db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charset val="238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4">
    <xf numFmtId="0" fontId="0" fillId="0" borderId="0" xfId="0"/>
    <xf numFmtId="0" fontId="0" fillId="0" borderId="0" xfId="0" applyAlignment="1">
      <alignment horizontal="center"/>
    </xf>
    <xf numFmtId="0" fontId="0" fillId="0" borderId="0" xfId="0" applyAlignment="1">
      <alignment horizontal="left"/>
    </xf>
    <xf numFmtId="0" fontId="0" fillId="0" borderId="0" xfId="0" applyAlignment="1">
      <alignment horizontal="center" vertical="top"/>
    </xf>
  </cellXfs>
  <cellStyles count="1">
    <cellStyle name="Normá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-té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A761F4-1170-4F0B-83D0-8DA4AD2AA412}">
  <dimension ref="A1:AG105"/>
  <sheetViews>
    <sheetView tabSelected="1" zoomScale="115" zoomScaleNormal="115" workbookViewId="0">
      <selection activeCell="AJ9" sqref="AJ9"/>
    </sheetView>
  </sheetViews>
  <sheetFormatPr defaultRowHeight="15" x14ac:dyDescent="0.25"/>
  <cols>
    <col min="1" max="1" width="5.5703125" style="1" customWidth="1"/>
    <col min="2" max="2" width="5.42578125" style="1" customWidth="1"/>
    <col min="4" max="33" width="5.42578125" style="1" customWidth="1"/>
  </cols>
  <sheetData>
    <row r="1" spans="1:33" x14ac:dyDescent="0.25">
      <c r="A1" s="2" t="s">
        <v>0</v>
      </c>
    </row>
    <row r="3" spans="1:33" ht="14.25" customHeight="1" x14ac:dyDescent="0.25">
      <c r="A3" s="3" t="s">
        <v>1</v>
      </c>
      <c r="B3" s="3">
        <v>6</v>
      </c>
      <c r="C3" s="3"/>
      <c r="D3" s="3" t="str">
        <f ca="1">IF(RANDBETWEEN(0,1)=0,"T","H")</f>
        <v>H</v>
      </c>
      <c r="E3" s="3" t="str">
        <f t="shared" ref="E3:AG3" ca="1" si="0">IF(RANDBETWEEN(0,1)=0,"T","H")</f>
        <v>H</v>
      </c>
      <c r="F3" s="3" t="str">
        <f t="shared" ca="1" si="0"/>
        <v>T</v>
      </c>
      <c r="G3" s="3" t="str">
        <f t="shared" ca="1" si="0"/>
        <v>T</v>
      </c>
      <c r="H3" s="3" t="str">
        <f t="shared" ca="1" si="0"/>
        <v>H</v>
      </c>
      <c r="I3" s="3" t="str">
        <f t="shared" ca="1" si="0"/>
        <v>H</v>
      </c>
      <c r="J3" s="3" t="str">
        <f t="shared" ca="1" si="0"/>
        <v>T</v>
      </c>
      <c r="K3" s="3" t="str">
        <f t="shared" ca="1" si="0"/>
        <v>H</v>
      </c>
      <c r="L3" s="3" t="str">
        <f t="shared" ca="1" si="0"/>
        <v>H</v>
      </c>
      <c r="M3" s="3" t="str">
        <f t="shared" ca="1" si="0"/>
        <v>H</v>
      </c>
      <c r="N3" s="3" t="str">
        <f t="shared" ca="1" si="0"/>
        <v>T</v>
      </c>
      <c r="O3" s="3" t="str">
        <f t="shared" ca="1" si="0"/>
        <v>H</v>
      </c>
      <c r="P3" s="3" t="str">
        <f t="shared" ca="1" si="0"/>
        <v>H</v>
      </c>
      <c r="Q3" s="3" t="str">
        <f t="shared" ca="1" si="0"/>
        <v>H</v>
      </c>
      <c r="R3" s="3" t="str">
        <f t="shared" ca="1" si="0"/>
        <v>T</v>
      </c>
      <c r="S3" s="3" t="str">
        <f t="shared" ca="1" si="0"/>
        <v>T</v>
      </c>
      <c r="T3" s="3" t="str">
        <f t="shared" ca="1" si="0"/>
        <v>H</v>
      </c>
      <c r="U3" s="3" t="str">
        <f t="shared" ca="1" si="0"/>
        <v>H</v>
      </c>
      <c r="V3" s="3" t="str">
        <f t="shared" ca="1" si="0"/>
        <v>H</v>
      </c>
      <c r="W3" s="3" t="str">
        <f t="shared" ca="1" si="0"/>
        <v>H</v>
      </c>
      <c r="X3" s="3" t="str">
        <f t="shared" ca="1" si="0"/>
        <v>T</v>
      </c>
      <c r="Y3" s="3" t="str">
        <f t="shared" ca="1" si="0"/>
        <v>T</v>
      </c>
      <c r="Z3" s="3" t="str">
        <f t="shared" ca="1" si="0"/>
        <v>H</v>
      </c>
      <c r="AA3" s="3" t="str">
        <f t="shared" ca="1" si="0"/>
        <v>H</v>
      </c>
      <c r="AB3" s="3" t="str">
        <f t="shared" ca="1" si="0"/>
        <v>H</v>
      </c>
      <c r="AC3" s="3" t="str">
        <f t="shared" ca="1" si="0"/>
        <v>T</v>
      </c>
      <c r="AD3" s="3" t="str">
        <f t="shared" ca="1" si="0"/>
        <v>T</v>
      </c>
      <c r="AE3" s="3" t="str">
        <f t="shared" ca="1" si="0"/>
        <v>H</v>
      </c>
      <c r="AF3" s="3" t="str">
        <f t="shared" ca="1" si="0"/>
        <v>H</v>
      </c>
      <c r="AG3" s="3" t="str">
        <f t="shared" ca="1" si="0"/>
        <v>H</v>
      </c>
    </row>
    <row r="4" spans="1:33" ht="14.25" customHeight="1" x14ac:dyDescent="0.25">
      <c r="A4" s="3"/>
      <c r="B4" s="3"/>
      <c r="C4" s="3"/>
      <c r="D4" s="3"/>
      <c r="E4" s="3"/>
      <c r="F4" s="3"/>
      <c r="G4" s="3"/>
      <c r="H4" s="3"/>
      <c r="I4" s="3"/>
      <c r="J4" s="3"/>
      <c r="K4" s="3"/>
      <c r="L4" s="3"/>
      <c r="M4" s="3"/>
      <c r="N4" s="3"/>
      <c r="O4" s="3"/>
      <c r="P4" s="3"/>
      <c r="Q4" s="3"/>
      <c r="R4" s="3"/>
      <c r="S4" s="3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</row>
    <row r="5" spans="1:33" x14ac:dyDescent="0.25">
      <c r="A5" s="1" t="s">
        <v>2</v>
      </c>
      <c r="B5" s="1" t="s">
        <v>3</v>
      </c>
      <c r="D5" s="1" t="str">
        <f ca="1">IF(COLUMN(D3)-4&lt;$B$3,D3,"")</f>
        <v>H</v>
      </c>
      <c r="E5" s="1" t="str">
        <f t="shared" ref="E5:AG5" ca="1" si="1">IF(COLUMN(E3)-4&lt;$B$3,E3,"")</f>
        <v>H</v>
      </c>
      <c r="F5" s="1" t="str">
        <f t="shared" ca="1" si="1"/>
        <v>T</v>
      </c>
      <c r="G5" s="1" t="str">
        <f t="shared" ca="1" si="1"/>
        <v>T</v>
      </c>
      <c r="H5" s="1" t="str">
        <f t="shared" ca="1" si="1"/>
        <v>H</v>
      </c>
      <c r="I5" s="1" t="str">
        <f t="shared" ca="1" si="1"/>
        <v>H</v>
      </c>
      <c r="J5" s="1" t="str">
        <f t="shared" si="1"/>
        <v/>
      </c>
      <c r="K5" s="1" t="str">
        <f t="shared" si="1"/>
        <v/>
      </c>
      <c r="L5" s="1" t="str">
        <f t="shared" si="1"/>
        <v/>
      </c>
      <c r="M5" s="1" t="str">
        <f t="shared" si="1"/>
        <v/>
      </c>
      <c r="N5" s="1" t="str">
        <f t="shared" si="1"/>
        <v/>
      </c>
      <c r="O5" s="1" t="str">
        <f t="shared" si="1"/>
        <v/>
      </c>
      <c r="P5" s="1" t="str">
        <f t="shared" si="1"/>
        <v/>
      </c>
      <c r="Q5" s="1" t="str">
        <f t="shared" si="1"/>
        <v/>
      </c>
      <c r="R5" s="1" t="str">
        <f t="shared" si="1"/>
        <v/>
      </c>
      <c r="S5" s="1" t="str">
        <f t="shared" si="1"/>
        <v/>
      </c>
      <c r="T5" s="1" t="str">
        <f t="shared" si="1"/>
        <v/>
      </c>
      <c r="U5" s="1" t="str">
        <f t="shared" si="1"/>
        <v/>
      </c>
      <c r="V5" s="1" t="str">
        <f t="shared" si="1"/>
        <v/>
      </c>
      <c r="W5" s="1" t="str">
        <f t="shared" si="1"/>
        <v/>
      </c>
      <c r="X5" s="1" t="str">
        <f t="shared" si="1"/>
        <v/>
      </c>
      <c r="Y5" s="1" t="str">
        <f t="shared" si="1"/>
        <v/>
      </c>
      <c r="Z5" s="1" t="str">
        <f t="shared" si="1"/>
        <v/>
      </c>
      <c r="AA5" s="1" t="str">
        <f t="shared" si="1"/>
        <v/>
      </c>
      <c r="AB5" s="1" t="str">
        <f t="shared" si="1"/>
        <v/>
      </c>
      <c r="AC5" s="1" t="str">
        <f t="shared" si="1"/>
        <v/>
      </c>
      <c r="AD5" s="1" t="str">
        <f t="shared" si="1"/>
        <v/>
      </c>
      <c r="AE5" s="1" t="str">
        <f t="shared" si="1"/>
        <v/>
      </c>
      <c r="AF5" s="1" t="str">
        <f t="shared" si="1"/>
        <v/>
      </c>
      <c r="AG5" s="1" t="str">
        <f t="shared" si="1"/>
        <v/>
      </c>
    </row>
    <row r="6" spans="1:33" x14ac:dyDescent="0.25">
      <c r="A6" s="1">
        <v>1</v>
      </c>
      <c r="B6" s="1">
        <f ca="1">COUNTIF(D5:AG5,"H")</f>
        <v>4</v>
      </c>
      <c r="D6" s="1" t="str">
        <f ca="1">IF(COLUMN(D3)-3=$B6,IF(D5="H","T","H"),D5)</f>
        <v>H</v>
      </c>
      <c r="E6" s="1" t="str">
        <f t="shared" ref="E6:AG6" ca="1" si="2">IF(COLUMN(E3)-3=$B6,IF(E5="H","T","H"),E5)</f>
        <v>H</v>
      </c>
      <c r="F6" s="1" t="str">
        <f t="shared" ca="1" si="2"/>
        <v>T</v>
      </c>
      <c r="G6" s="1" t="str">
        <f t="shared" ca="1" si="2"/>
        <v>H</v>
      </c>
      <c r="H6" s="1" t="str">
        <f t="shared" ca="1" si="2"/>
        <v>H</v>
      </c>
      <c r="I6" s="1" t="str">
        <f t="shared" ca="1" si="2"/>
        <v>H</v>
      </c>
      <c r="J6" s="1" t="str">
        <f t="shared" ca="1" si="2"/>
        <v/>
      </c>
      <c r="K6" s="1" t="str">
        <f t="shared" ca="1" si="2"/>
        <v/>
      </c>
      <c r="L6" s="1" t="str">
        <f t="shared" ca="1" si="2"/>
        <v/>
      </c>
      <c r="M6" s="1" t="str">
        <f t="shared" ca="1" si="2"/>
        <v/>
      </c>
      <c r="N6" s="1" t="str">
        <f t="shared" ca="1" si="2"/>
        <v/>
      </c>
      <c r="O6" s="1" t="str">
        <f t="shared" ca="1" si="2"/>
        <v/>
      </c>
      <c r="P6" s="1" t="str">
        <f t="shared" ca="1" si="2"/>
        <v/>
      </c>
      <c r="Q6" s="1" t="str">
        <f t="shared" ca="1" si="2"/>
        <v/>
      </c>
      <c r="R6" s="1" t="str">
        <f t="shared" ca="1" si="2"/>
        <v/>
      </c>
      <c r="S6" s="1" t="str">
        <f t="shared" ca="1" si="2"/>
        <v/>
      </c>
      <c r="T6" s="1" t="str">
        <f t="shared" ca="1" si="2"/>
        <v/>
      </c>
      <c r="U6" s="1" t="str">
        <f t="shared" ca="1" si="2"/>
        <v/>
      </c>
      <c r="V6" s="1" t="str">
        <f t="shared" ca="1" si="2"/>
        <v/>
      </c>
      <c r="W6" s="1" t="str">
        <f t="shared" ca="1" si="2"/>
        <v/>
      </c>
      <c r="X6" s="1" t="str">
        <f t="shared" ca="1" si="2"/>
        <v/>
      </c>
      <c r="Y6" s="1" t="str">
        <f t="shared" ca="1" si="2"/>
        <v/>
      </c>
      <c r="Z6" s="1" t="str">
        <f t="shared" ca="1" si="2"/>
        <v/>
      </c>
      <c r="AA6" s="1" t="str">
        <f t="shared" ca="1" si="2"/>
        <v/>
      </c>
      <c r="AB6" s="1" t="str">
        <f t="shared" ca="1" si="2"/>
        <v/>
      </c>
      <c r="AC6" s="1" t="str">
        <f t="shared" ca="1" si="2"/>
        <v/>
      </c>
      <c r="AD6" s="1" t="str">
        <f t="shared" ca="1" si="2"/>
        <v/>
      </c>
      <c r="AE6" s="1" t="str">
        <f t="shared" ca="1" si="2"/>
        <v/>
      </c>
      <c r="AF6" s="1" t="str">
        <f t="shared" ca="1" si="2"/>
        <v/>
      </c>
      <c r="AG6" s="1" t="str">
        <f t="shared" ca="1" si="2"/>
        <v/>
      </c>
    </row>
    <row r="7" spans="1:33" x14ac:dyDescent="0.25">
      <c r="A7" s="1">
        <v>2</v>
      </c>
      <c r="B7" s="1">
        <f t="shared" ref="B7:B70" ca="1" si="3">COUNTIF(D6:AG6,"H")</f>
        <v>5</v>
      </c>
      <c r="D7" s="1" t="str">
        <f t="shared" ref="D7:D70" ca="1" si="4">IF(COLUMN(D4)-3=$B7,IF(D6="H","T","H"),D6)</f>
        <v>H</v>
      </c>
      <c r="E7" s="1" t="str">
        <f t="shared" ref="E7:E70" ca="1" si="5">IF(COLUMN(E4)-3=$B7,IF(E6="H","T","H"),E6)</f>
        <v>H</v>
      </c>
      <c r="F7" s="1" t="str">
        <f t="shared" ref="F7:F70" ca="1" si="6">IF(COLUMN(F4)-3=$B7,IF(F6="H","T","H"),F6)</f>
        <v>T</v>
      </c>
      <c r="G7" s="1" t="str">
        <f t="shared" ref="G7:G70" ca="1" si="7">IF(COLUMN(G4)-3=$B7,IF(G6="H","T","H"),G6)</f>
        <v>H</v>
      </c>
      <c r="H7" s="1" t="str">
        <f t="shared" ref="H7:H70" ca="1" si="8">IF(COLUMN(H4)-3=$B7,IF(H6="H","T","H"),H6)</f>
        <v>T</v>
      </c>
      <c r="I7" s="1" t="str">
        <f t="shared" ref="I7:I70" ca="1" si="9">IF(COLUMN(I4)-3=$B7,IF(I6="H","T","H"),I6)</f>
        <v>H</v>
      </c>
      <c r="J7" s="1" t="str">
        <f t="shared" ref="J7:J70" ca="1" si="10">IF(COLUMN(J4)-3=$B7,IF(J6="H","T","H"),J6)</f>
        <v/>
      </c>
      <c r="K7" s="1" t="str">
        <f t="shared" ref="K7:K70" ca="1" si="11">IF(COLUMN(K4)-3=$B7,IF(K6="H","T","H"),K6)</f>
        <v/>
      </c>
      <c r="L7" s="1" t="str">
        <f t="shared" ref="L7:L70" ca="1" si="12">IF(COLUMN(L4)-3=$B7,IF(L6="H","T","H"),L6)</f>
        <v/>
      </c>
      <c r="M7" s="1" t="str">
        <f t="shared" ref="M7:M70" ca="1" si="13">IF(COLUMN(M4)-3=$B7,IF(M6="H","T","H"),M6)</f>
        <v/>
      </c>
      <c r="N7" s="1" t="str">
        <f t="shared" ref="N7:N70" ca="1" si="14">IF(COLUMN(N4)-3=$B7,IF(N6="H","T","H"),N6)</f>
        <v/>
      </c>
      <c r="O7" s="1" t="str">
        <f t="shared" ref="O7:O70" ca="1" si="15">IF(COLUMN(O4)-3=$B7,IF(O6="H","T","H"),O6)</f>
        <v/>
      </c>
      <c r="P7" s="1" t="str">
        <f t="shared" ref="P7:P70" ca="1" si="16">IF(COLUMN(P4)-3=$B7,IF(P6="H","T","H"),P6)</f>
        <v/>
      </c>
      <c r="Q7" s="1" t="str">
        <f t="shared" ref="Q7:Q70" ca="1" si="17">IF(COLUMN(Q4)-3=$B7,IF(Q6="H","T","H"),Q6)</f>
        <v/>
      </c>
      <c r="R7" s="1" t="str">
        <f t="shared" ref="R7:R70" ca="1" si="18">IF(COLUMN(R4)-3=$B7,IF(R6="H","T","H"),R6)</f>
        <v/>
      </c>
      <c r="S7" s="1" t="str">
        <f t="shared" ref="S7:S70" ca="1" si="19">IF(COLUMN(S4)-3=$B7,IF(S6="H","T","H"),S6)</f>
        <v/>
      </c>
      <c r="T7" s="1" t="str">
        <f t="shared" ref="T7:T70" ca="1" si="20">IF(COLUMN(T4)-3=$B7,IF(T6="H","T","H"),T6)</f>
        <v/>
      </c>
      <c r="U7" s="1" t="str">
        <f t="shared" ref="U7:U70" ca="1" si="21">IF(COLUMN(U4)-3=$B7,IF(U6="H","T","H"),U6)</f>
        <v/>
      </c>
      <c r="V7" s="1" t="str">
        <f t="shared" ref="V7:V70" ca="1" si="22">IF(COLUMN(V4)-3=$B7,IF(V6="H","T","H"),V6)</f>
        <v/>
      </c>
      <c r="W7" s="1" t="str">
        <f t="shared" ref="W7:W70" ca="1" si="23">IF(COLUMN(W4)-3=$B7,IF(W6="H","T","H"),W6)</f>
        <v/>
      </c>
      <c r="X7" s="1" t="str">
        <f t="shared" ref="X7:X70" ca="1" si="24">IF(COLUMN(X4)-3=$B7,IF(X6="H","T","H"),X6)</f>
        <v/>
      </c>
      <c r="Y7" s="1" t="str">
        <f t="shared" ref="Y7:Y70" ca="1" si="25">IF(COLUMN(Y4)-3=$B7,IF(Y6="H","T","H"),Y6)</f>
        <v/>
      </c>
      <c r="Z7" s="1" t="str">
        <f t="shared" ref="Z7:Z70" ca="1" si="26">IF(COLUMN(Z4)-3=$B7,IF(Z6="H","T","H"),Z6)</f>
        <v/>
      </c>
      <c r="AA7" s="1" t="str">
        <f t="shared" ref="AA7:AA70" ca="1" si="27">IF(COLUMN(AA4)-3=$B7,IF(AA6="H","T","H"),AA6)</f>
        <v/>
      </c>
      <c r="AB7" s="1" t="str">
        <f t="shared" ref="AB7:AB70" ca="1" si="28">IF(COLUMN(AB4)-3=$B7,IF(AB6="H","T","H"),AB6)</f>
        <v/>
      </c>
      <c r="AC7" s="1" t="str">
        <f t="shared" ref="AC7:AC70" ca="1" si="29">IF(COLUMN(AC4)-3=$B7,IF(AC6="H","T","H"),AC6)</f>
        <v/>
      </c>
      <c r="AD7" s="1" t="str">
        <f t="shared" ref="AD7:AD70" ca="1" si="30">IF(COLUMN(AD4)-3=$B7,IF(AD6="H","T","H"),AD6)</f>
        <v/>
      </c>
      <c r="AE7" s="1" t="str">
        <f t="shared" ref="AE7:AE70" ca="1" si="31">IF(COLUMN(AE4)-3=$B7,IF(AE6="H","T","H"),AE6)</f>
        <v/>
      </c>
      <c r="AF7" s="1" t="str">
        <f t="shared" ref="AF7:AF70" ca="1" si="32">IF(COLUMN(AF4)-3=$B7,IF(AF6="H","T","H"),AF6)</f>
        <v/>
      </c>
      <c r="AG7" s="1" t="str">
        <f t="shared" ref="AG7:AG70" ca="1" si="33">IF(COLUMN(AG4)-3=$B7,IF(AG6="H","T","H"),AG6)</f>
        <v/>
      </c>
    </row>
    <row r="8" spans="1:33" x14ac:dyDescent="0.25">
      <c r="A8" s="1">
        <v>3</v>
      </c>
      <c r="B8" s="1">
        <f t="shared" ca="1" si="3"/>
        <v>4</v>
      </c>
      <c r="D8" s="1" t="str">
        <f t="shared" ca="1" si="4"/>
        <v>H</v>
      </c>
      <c r="E8" s="1" t="str">
        <f t="shared" ca="1" si="5"/>
        <v>H</v>
      </c>
      <c r="F8" s="1" t="str">
        <f t="shared" ca="1" si="6"/>
        <v>T</v>
      </c>
      <c r="G8" s="1" t="str">
        <f t="shared" ca="1" si="7"/>
        <v>T</v>
      </c>
      <c r="H8" s="1" t="str">
        <f t="shared" ca="1" si="8"/>
        <v>T</v>
      </c>
      <c r="I8" s="1" t="str">
        <f t="shared" ca="1" si="9"/>
        <v>H</v>
      </c>
      <c r="J8" s="1" t="str">
        <f t="shared" ca="1" si="10"/>
        <v/>
      </c>
      <c r="K8" s="1" t="str">
        <f t="shared" ca="1" si="11"/>
        <v/>
      </c>
      <c r="L8" s="1" t="str">
        <f t="shared" ca="1" si="12"/>
        <v/>
      </c>
      <c r="M8" s="1" t="str">
        <f t="shared" ca="1" si="13"/>
        <v/>
      </c>
      <c r="N8" s="1" t="str">
        <f t="shared" ca="1" si="14"/>
        <v/>
      </c>
      <c r="O8" s="1" t="str">
        <f t="shared" ca="1" si="15"/>
        <v/>
      </c>
      <c r="P8" s="1" t="str">
        <f t="shared" ca="1" si="16"/>
        <v/>
      </c>
      <c r="Q8" s="1" t="str">
        <f t="shared" ca="1" si="17"/>
        <v/>
      </c>
      <c r="R8" s="1" t="str">
        <f t="shared" ca="1" si="18"/>
        <v/>
      </c>
      <c r="S8" s="1" t="str">
        <f t="shared" ca="1" si="19"/>
        <v/>
      </c>
      <c r="T8" s="1" t="str">
        <f t="shared" ca="1" si="20"/>
        <v/>
      </c>
      <c r="U8" s="1" t="str">
        <f t="shared" ca="1" si="21"/>
        <v/>
      </c>
      <c r="V8" s="1" t="str">
        <f t="shared" ca="1" si="22"/>
        <v/>
      </c>
      <c r="W8" s="1" t="str">
        <f t="shared" ca="1" si="23"/>
        <v/>
      </c>
      <c r="X8" s="1" t="str">
        <f t="shared" ca="1" si="24"/>
        <v/>
      </c>
      <c r="Y8" s="1" t="str">
        <f t="shared" ca="1" si="25"/>
        <v/>
      </c>
      <c r="Z8" s="1" t="str">
        <f t="shared" ca="1" si="26"/>
        <v/>
      </c>
      <c r="AA8" s="1" t="str">
        <f t="shared" ca="1" si="27"/>
        <v/>
      </c>
      <c r="AB8" s="1" t="str">
        <f t="shared" ca="1" si="28"/>
        <v/>
      </c>
      <c r="AC8" s="1" t="str">
        <f t="shared" ca="1" si="29"/>
        <v/>
      </c>
      <c r="AD8" s="1" t="str">
        <f t="shared" ca="1" si="30"/>
        <v/>
      </c>
      <c r="AE8" s="1" t="str">
        <f t="shared" ca="1" si="31"/>
        <v/>
      </c>
      <c r="AF8" s="1" t="str">
        <f t="shared" ca="1" si="32"/>
        <v/>
      </c>
      <c r="AG8" s="1" t="str">
        <f t="shared" ca="1" si="33"/>
        <v/>
      </c>
    </row>
    <row r="9" spans="1:33" x14ac:dyDescent="0.25">
      <c r="A9" s="1">
        <v>4</v>
      </c>
      <c r="B9" s="1">
        <f t="shared" ca="1" si="3"/>
        <v>3</v>
      </c>
      <c r="D9" s="1" t="str">
        <f t="shared" ca="1" si="4"/>
        <v>H</v>
      </c>
      <c r="E9" s="1" t="str">
        <f t="shared" ca="1" si="5"/>
        <v>H</v>
      </c>
      <c r="F9" s="1" t="str">
        <f t="shared" ca="1" si="6"/>
        <v>H</v>
      </c>
      <c r="G9" s="1" t="str">
        <f t="shared" ca="1" si="7"/>
        <v>T</v>
      </c>
      <c r="H9" s="1" t="str">
        <f t="shared" ca="1" si="8"/>
        <v>T</v>
      </c>
      <c r="I9" s="1" t="str">
        <f t="shared" ca="1" si="9"/>
        <v>H</v>
      </c>
      <c r="J9" s="1" t="str">
        <f t="shared" ca="1" si="10"/>
        <v/>
      </c>
      <c r="K9" s="1" t="str">
        <f t="shared" ca="1" si="11"/>
        <v/>
      </c>
      <c r="L9" s="1" t="str">
        <f t="shared" ca="1" si="12"/>
        <v/>
      </c>
      <c r="M9" s="1" t="str">
        <f t="shared" ca="1" si="13"/>
        <v/>
      </c>
      <c r="N9" s="1" t="str">
        <f t="shared" ca="1" si="14"/>
        <v/>
      </c>
      <c r="O9" s="1" t="str">
        <f t="shared" ca="1" si="15"/>
        <v/>
      </c>
      <c r="P9" s="1" t="str">
        <f t="shared" ca="1" si="16"/>
        <v/>
      </c>
      <c r="Q9" s="1" t="str">
        <f t="shared" ca="1" si="17"/>
        <v/>
      </c>
      <c r="R9" s="1" t="str">
        <f t="shared" ca="1" si="18"/>
        <v/>
      </c>
      <c r="S9" s="1" t="str">
        <f t="shared" ca="1" si="19"/>
        <v/>
      </c>
      <c r="T9" s="1" t="str">
        <f t="shared" ca="1" si="20"/>
        <v/>
      </c>
      <c r="U9" s="1" t="str">
        <f t="shared" ca="1" si="21"/>
        <v/>
      </c>
      <c r="V9" s="1" t="str">
        <f t="shared" ca="1" si="22"/>
        <v/>
      </c>
      <c r="W9" s="1" t="str">
        <f t="shared" ca="1" si="23"/>
        <v/>
      </c>
      <c r="X9" s="1" t="str">
        <f t="shared" ca="1" si="24"/>
        <v/>
      </c>
      <c r="Y9" s="1" t="str">
        <f t="shared" ca="1" si="25"/>
        <v/>
      </c>
      <c r="Z9" s="1" t="str">
        <f t="shared" ca="1" si="26"/>
        <v/>
      </c>
      <c r="AA9" s="1" t="str">
        <f t="shared" ca="1" si="27"/>
        <v/>
      </c>
      <c r="AB9" s="1" t="str">
        <f t="shared" ca="1" si="28"/>
        <v/>
      </c>
      <c r="AC9" s="1" t="str">
        <f t="shared" ca="1" si="29"/>
        <v/>
      </c>
      <c r="AD9" s="1" t="str">
        <f t="shared" ca="1" si="30"/>
        <v/>
      </c>
      <c r="AE9" s="1" t="str">
        <f t="shared" ca="1" si="31"/>
        <v/>
      </c>
      <c r="AF9" s="1" t="str">
        <f t="shared" ca="1" si="32"/>
        <v/>
      </c>
      <c r="AG9" s="1" t="str">
        <f t="shared" ca="1" si="33"/>
        <v/>
      </c>
    </row>
    <row r="10" spans="1:33" x14ac:dyDescent="0.25">
      <c r="A10" s="1">
        <v>5</v>
      </c>
      <c r="B10" s="1">
        <f t="shared" ca="1" si="3"/>
        <v>4</v>
      </c>
      <c r="D10" s="1" t="str">
        <f t="shared" ca="1" si="4"/>
        <v>H</v>
      </c>
      <c r="E10" s="1" t="str">
        <f t="shared" ca="1" si="5"/>
        <v>H</v>
      </c>
      <c r="F10" s="1" t="str">
        <f t="shared" ca="1" si="6"/>
        <v>H</v>
      </c>
      <c r="G10" s="1" t="str">
        <f t="shared" ca="1" si="7"/>
        <v>H</v>
      </c>
      <c r="H10" s="1" t="str">
        <f t="shared" ca="1" si="8"/>
        <v>T</v>
      </c>
      <c r="I10" s="1" t="str">
        <f t="shared" ca="1" si="9"/>
        <v>H</v>
      </c>
      <c r="J10" s="1" t="str">
        <f t="shared" ca="1" si="10"/>
        <v/>
      </c>
      <c r="K10" s="1" t="str">
        <f t="shared" ca="1" si="11"/>
        <v/>
      </c>
      <c r="L10" s="1" t="str">
        <f t="shared" ca="1" si="12"/>
        <v/>
      </c>
      <c r="M10" s="1" t="str">
        <f t="shared" ca="1" si="13"/>
        <v/>
      </c>
      <c r="N10" s="1" t="str">
        <f t="shared" ca="1" si="14"/>
        <v/>
      </c>
      <c r="O10" s="1" t="str">
        <f t="shared" ca="1" si="15"/>
        <v/>
      </c>
      <c r="P10" s="1" t="str">
        <f t="shared" ca="1" si="16"/>
        <v/>
      </c>
      <c r="Q10" s="1" t="str">
        <f t="shared" ca="1" si="17"/>
        <v/>
      </c>
      <c r="R10" s="1" t="str">
        <f t="shared" ca="1" si="18"/>
        <v/>
      </c>
      <c r="S10" s="1" t="str">
        <f t="shared" ca="1" si="19"/>
        <v/>
      </c>
      <c r="T10" s="1" t="str">
        <f t="shared" ca="1" si="20"/>
        <v/>
      </c>
      <c r="U10" s="1" t="str">
        <f t="shared" ca="1" si="21"/>
        <v/>
      </c>
      <c r="V10" s="1" t="str">
        <f t="shared" ca="1" si="22"/>
        <v/>
      </c>
      <c r="W10" s="1" t="str">
        <f t="shared" ca="1" si="23"/>
        <v/>
      </c>
      <c r="X10" s="1" t="str">
        <f t="shared" ca="1" si="24"/>
        <v/>
      </c>
      <c r="Y10" s="1" t="str">
        <f t="shared" ca="1" si="25"/>
        <v/>
      </c>
      <c r="Z10" s="1" t="str">
        <f t="shared" ca="1" si="26"/>
        <v/>
      </c>
      <c r="AA10" s="1" t="str">
        <f t="shared" ca="1" si="27"/>
        <v/>
      </c>
      <c r="AB10" s="1" t="str">
        <f t="shared" ca="1" si="28"/>
        <v/>
      </c>
      <c r="AC10" s="1" t="str">
        <f t="shared" ca="1" si="29"/>
        <v/>
      </c>
      <c r="AD10" s="1" t="str">
        <f t="shared" ca="1" si="30"/>
        <v/>
      </c>
      <c r="AE10" s="1" t="str">
        <f t="shared" ca="1" si="31"/>
        <v/>
      </c>
      <c r="AF10" s="1" t="str">
        <f t="shared" ca="1" si="32"/>
        <v/>
      </c>
      <c r="AG10" s="1" t="str">
        <f t="shared" ca="1" si="33"/>
        <v/>
      </c>
    </row>
    <row r="11" spans="1:33" x14ac:dyDescent="0.25">
      <c r="A11" s="1">
        <v>6</v>
      </c>
      <c r="B11" s="1">
        <f t="shared" ca="1" si="3"/>
        <v>5</v>
      </c>
      <c r="D11" s="1" t="str">
        <f t="shared" ca="1" si="4"/>
        <v>H</v>
      </c>
      <c r="E11" s="1" t="str">
        <f t="shared" ca="1" si="5"/>
        <v>H</v>
      </c>
      <c r="F11" s="1" t="str">
        <f t="shared" ca="1" si="6"/>
        <v>H</v>
      </c>
      <c r="G11" s="1" t="str">
        <f t="shared" ca="1" si="7"/>
        <v>H</v>
      </c>
      <c r="H11" s="1" t="str">
        <f t="shared" ca="1" si="8"/>
        <v>H</v>
      </c>
      <c r="I11" s="1" t="str">
        <f t="shared" ca="1" si="9"/>
        <v>H</v>
      </c>
      <c r="J11" s="1" t="str">
        <f t="shared" ca="1" si="10"/>
        <v/>
      </c>
      <c r="K11" s="1" t="str">
        <f t="shared" ca="1" si="11"/>
        <v/>
      </c>
      <c r="L11" s="1" t="str">
        <f t="shared" ca="1" si="12"/>
        <v/>
      </c>
      <c r="M11" s="1" t="str">
        <f t="shared" ca="1" si="13"/>
        <v/>
      </c>
      <c r="N11" s="1" t="str">
        <f t="shared" ca="1" si="14"/>
        <v/>
      </c>
      <c r="O11" s="1" t="str">
        <f t="shared" ca="1" si="15"/>
        <v/>
      </c>
      <c r="P11" s="1" t="str">
        <f t="shared" ca="1" si="16"/>
        <v/>
      </c>
      <c r="Q11" s="1" t="str">
        <f t="shared" ca="1" si="17"/>
        <v/>
      </c>
      <c r="R11" s="1" t="str">
        <f t="shared" ca="1" si="18"/>
        <v/>
      </c>
      <c r="S11" s="1" t="str">
        <f t="shared" ca="1" si="19"/>
        <v/>
      </c>
      <c r="T11" s="1" t="str">
        <f t="shared" ca="1" si="20"/>
        <v/>
      </c>
      <c r="U11" s="1" t="str">
        <f t="shared" ca="1" si="21"/>
        <v/>
      </c>
      <c r="V11" s="1" t="str">
        <f t="shared" ca="1" si="22"/>
        <v/>
      </c>
      <c r="W11" s="1" t="str">
        <f t="shared" ca="1" si="23"/>
        <v/>
      </c>
      <c r="X11" s="1" t="str">
        <f t="shared" ca="1" si="24"/>
        <v/>
      </c>
      <c r="Y11" s="1" t="str">
        <f t="shared" ca="1" si="25"/>
        <v/>
      </c>
      <c r="Z11" s="1" t="str">
        <f t="shared" ca="1" si="26"/>
        <v/>
      </c>
      <c r="AA11" s="1" t="str">
        <f t="shared" ca="1" si="27"/>
        <v/>
      </c>
      <c r="AB11" s="1" t="str">
        <f t="shared" ca="1" si="28"/>
        <v/>
      </c>
      <c r="AC11" s="1" t="str">
        <f t="shared" ca="1" si="29"/>
        <v/>
      </c>
      <c r="AD11" s="1" t="str">
        <f t="shared" ca="1" si="30"/>
        <v/>
      </c>
      <c r="AE11" s="1" t="str">
        <f t="shared" ca="1" si="31"/>
        <v/>
      </c>
      <c r="AF11" s="1" t="str">
        <f t="shared" ca="1" si="32"/>
        <v/>
      </c>
      <c r="AG11" s="1" t="str">
        <f t="shared" ca="1" si="33"/>
        <v/>
      </c>
    </row>
    <row r="12" spans="1:33" x14ac:dyDescent="0.25">
      <c r="A12" s="1">
        <v>7</v>
      </c>
      <c r="B12" s="1">
        <f t="shared" ca="1" si="3"/>
        <v>6</v>
      </c>
      <c r="D12" s="1" t="str">
        <f t="shared" ca="1" si="4"/>
        <v>H</v>
      </c>
      <c r="E12" s="1" t="str">
        <f t="shared" ca="1" si="5"/>
        <v>H</v>
      </c>
      <c r="F12" s="1" t="str">
        <f t="shared" ca="1" si="6"/>
        <v>H</v>
      </c>
      <c r="G12" s="1" t="str">
        <f t="shared" ca="1" si="7"/>
        <v>H</v>
      </c>
      <c r="H12" s="1" t="str">
        <f t="shared" ca="1" si="8"/>
        <v>H</v>
      </c>
      <c r="I12" s="1" t="str">
        <f t="shared" ca="1" si="9"/>
        <v>T</v>
      </c>
      <c r="J12" s="1" t="str">
        <f t="shared" ca="1" si="10"/>
        <v/>
      </c>
      <c r="K12" s="1" t="str">
        <f t="shared" ca="1" si="11"/>
        <v/>
      </c>
      <c r="L12" s="1" t="str">
        <f t="shared" ca="1" si="12"/>
        <v/>
      </c>
      <c r="M12" s="1" t="str">
        <f t="shared" ca="1" si="13"/>
        <v/>
      </c>
      <c r="N12" s="1" t="str">
        <f t="shared" ca="1" si="14"/>
        <v/>
      </c>
      <c r="O12" s="1" t="str">
        <f t="shared" ca="1" si="15"/>
        <v/>
      </c>
      <c r="P12" s="1" t="str">
        <f t="shared" ca="1" si="16"/>
        <v/>
      </c>
      <c r="Q12" s="1" t="str">
        <f t="shared" ca="1" si="17"/>
        <v/>
      </c>
      <c r="R12" s="1" t="str">
        <f t="shared" ca="1" si="18"/>
        <v/>
      </c>
      <c r="S12" s="1" t="str">
        <f t="shared" ca="1" si="19"/>
        <v/>
      </c>
      <c r="T12" s="1" t="str">
        <f t="shared" ca="1" si="20"/>
        <v/>
      </c>
      <c r="U12" s="1" t="str">
        <f t="shared" ca="1" si="21"/>
        <v/>
      </c>
      <c r="V12" s="1" t="str">
        <f t="shared" ca="1" si="22"/>
        <v/>
      </c>
      <c r="W12" s="1" t="str">
        <f t="shared" ca="1" si="23"/>
        <v/>
      </c>
      <c r="X12" s="1" t="str">
        <f t="shared" ca="1" si="24"/>
        <v/>
      </c>
      <c r="Y12" s="1" t="str">
        <f t="shared" ca="1" si="25"/>
        <v/>
      </c>
      <c r="Z12" s="1" t="str">
        <f t="shared" ca="1" si="26"/>
        <v/>
      </c>
      <c r="AA12" s="1" t="str">
        <f t="shared" ca="1" si="27"/>
        <v/>
      </c>
      <c r="AB12" s="1" t="str">
        <f t="shared" ca="1" si="28"/>
        <v/>
      </c>
      <c r="AC12" s="1" t="str">
        <f t="shared" ca="1" si="29"/>
        <v/>
      </c>
      <c r="AD12" s="1" t="str">
        <f t="shared" ca="1" si="30"/>
        <v/>
      </c>
      <c r="AE12" s="1" t="str">
        <f t="shared" ca="1" si="31"/>
        <v/>
      </c>
      <c r="AF12" s="1" t="str">
        <f t="shared" ca="1" si="32"/>
        <v/>
      </c>
      <c r="AG12" s="1" t="str">
        <f t="shared" ca="1" si="33"/>
        <v/>
      </c>
    </row>
    <row r="13" spans="1:33" x14ac:dyDescent="0.25">
      <c r="A13" s="1">
        <v>8</v>
      </c>
      <c r="B13" s="1">
        <f t="shared" ca="1" si="3"/>
        <v>5</v>
      </c>
      <c r="D13" s="1" t="str">
        <f t="shared" ca="1" si="4"/>
        <v>H</v>
      </c>
      <c r="E13" s="1" t="str">
        <f t="shared" ca="1" si="5"/>
        <v>H</v>
      </c>
      <c r="F13" s="1" t="str">
        <f t="shared" ca="1" si="6"/>
        <v>H</v>
      </c>
      <c r="G13" s="1" t="str">
        <f t="shared" ca="1" si="7"/>
        <v>H</v>
      </c>
      <c r="H13" s="1" t="str">
        <f t="shared" ca="1" si="8"/>
        <v>T</v>
      </c>
      <c r="I13" s="1" t="str">
        <f t="shared" ca="1" si="9"/>
        <v>T</v>
      </c>
      <c r="J13" s="1" t="str">
        <f t="shared" ca="1" si="10"/>
        <v/>
      </c>
      <c r="K13" s="1" t="str">
        <f t="shared" ca="1" si="11"/>
        <v/>
      </c>
      <c r="L13" s="1" t="str">
        <f t="shared" ca="1" si="12"/>
        <v/>
      </c>
      <c r="M13" s="1" t="str">
        <f t="shared" ca="1" si="13"/>
        <v/>
      </c>
      <c r="N13" s="1" t="str">
        <f t="shared" ca="1" si="14"/>
        <v/>
      </c>
      <c r="O13" s="1" t="str">
        <f t="shared" ca="1" si="15"/>
        <v/>
      </c>
      <c r="P13" s="1" t="str">
        <f t="shared" ca="1" si="16"/>
        <v/>
      </c>
      <c r="Q13" s="1" t="str">
        <f t="shared" ca="1" si="17"/>
        <v/>
      </c>
      <c r="R13" s="1" t="str">
        <f t="shared" ca="1" si="18"/>
        <v/>
      </c>
      <c r="S13" s="1" t="str">
        <f t="shared" ca="1" si="19"/>
        <v/>
      </c>
      <c r="T13" s="1" t="str">
        <f t="shared" ca="1" si="20"/>
        <v/>
      </c>
      <c r="U13" s="1" t="str">
        <f t="shared" ca="1" si="21"/>
        <v/>
      </c>
      <c r="V13" s="1" t="str">
        <f t="shared" ca="1" si="22"/>
        <v/>
      </c>
      <c r="W13" s="1" t="str">
        <f t="shared" ca="1" si="23"/>
        <v/>
      </c>
      <c r="X13" s="1" t="str">
        <f t="shared" ca="1" si="24"/>
        <v/>
      </c>
      <c r="Y13" s="1" t="str">
        <f t="shared" ca="1" si="25"/>
        <v/>
      </c>
      <c r="Z13" s="1" t="str">
        <f t="shared" ca="1" si="26"/>
        <v/>
      </c>
      <c r="AA13" s="1" t="str">
        <f t="shared" ca="1" si="27"/>
        <v/>
      </c>
      <c r="AB13" s="1" t="str">
        <f t="shared" ca="1" si="28"/>
        <v/>
      </c>
      <c r="AC13" s="1" t="str">
        <f t="shared" ca="1" si="29"/>
        <v/>
      </c>
      <c r="AD13" s="1" t="str">
        <f t="shared" ca="1" si="30"/>
        <v/>
      </c>
      <c r="AE13" s="1" t="str">
        <f t="shared" ca="1" si="31"/>
        <v/>
      </c>
      <c r="AF13" s="1" t="str">
        <f t="shared" ca="1" si="32"/>
        <v/>
      </c>
      <c r="AG13" s="1" t="str">
        <f t="shared" ca="1" si="33"/>
        <v/>
      </c>
    </row>
    <row r="14" spans="1:33" x14ac:dyDescent="0.25">
      <c r="A14" s="1">
        <v>9</v>
      </c>
      <c r="B14" s="1">
        <f t="shared" ca="1" si="3"/>
        <v>4</v>
      </c>
      <c r="D14" s="1" t="str">
        <f t="shared" ca="1" si="4"/>
        <v>H</v>
      </c>
      <c r="E14" s="1" t="str">
        <f t="shared" ca="1" si="5"/>
        <v>H</v>
      </c>
      <c r="F14" s="1" t="str">
        <f t="shared" ca="1" si="6"/>
        <v>H</v>
      </c>
      <c r="G14" s="1" t="str">
        <f t="shared" ca="1" si="7"/>
        <v>T</v>
      </c>
      <c r="H14" s="1" t="str">
        <f t="shared" ca="1" si="8"/>
        <v>T</v>
      </c>
      <c r="I14" s="1" t="str">
        <f t="shared" ca="1" si="9"/>
        <v>T</v>
      </c>
      <c r="J14" s="1" t="str">
        <f t="shared" ca="1" si="10"/>
        <v/>
      </c>
      <c r="K14" s="1" t="str">
        <f t="shared" ca="1" si="11"/>
        <v/>
      </c>
      <c r="L14" s="1" t="str">
        <f t="shared" ca="1" si="12"/>
        <v/>
      </c>
      <c r="M14" s="1" t="str">
        <f t="shared" ca="1" si="13"/>
        <v/>
      </c>
      <c r="N14" s="1" t="str">
        <f t="shared" ca="1" si="14"/>
        <v/>
      </c>
      <c r="O14" s="1" t="str">
        <f t="shared" ca="1" si="15"/>
        <v/>
      </c>
      <c r="P14" s="1" t="str">
        <f t="shared" ca="1" si="16"/>
        <v/>
      </c>
      <c r="Q14" s="1" t="str">
        <f t="shared" ca="1" si="17"/>
        <v/>
      </c>
      <c r="R14" s="1" t="str">
        <f t="shared" ca="1" si="18"/>
        <v/>
      </c>
      <c r="S14" s="1" t="str">
        <f t="shared" ca="1" si="19"/>
        <v/>
      </c>
      <c r="T14" s="1" t="str">
        <f t="shared" ca="1" si="20"/>
        <v/>
      </c>
      <c r="U14" s="1" t="str">
        <f t="shared" ca="1" si="21"/>
        <v/>
      </c>
      <c r="V14" s="1" t="str">
        <f t="shared" ca="1" si="22"/>
        <v/>
      </c>
      <c r="W14" s="1" t="str">
        <f t="shared" ca="1" si="23"/>
        <v/>
      </c>
      <c r="X14" s="1" t="str">
        <f t="shared" ca="1" si="24"/>
        <v/>
      </c>
      <c r="Y14" s="1" t="str">
        <f t="shared" ca="1" si="25"/>
        <v/>
      </c>
      <c r="Z14" s="1" t="str">
        <f t="shared" ca="1" si="26"/>
        <v/>
      </c>
      <c r="AA14" s="1" t="str">
        <f t="shared" ca="1" si="27"/>
        <v/>
      </c>
      <c r="AB14" s="1" t="str">
        <f t="shared" ca="1" si="28"/>
        <v/>
      </c>
      <c r="AC14" s="1" t="str">
        <f t="shared" ca="1" si="29"/>
        <v/>
      </c>
      <c r="AD14" s="1" t="str">
        <f t="shared" ca="1" si="30"/>
        <v/>
      </c>
      <c r="AE14" s="1" t="str">
        <f t="shared" ca="1" si="31"/>
        <v/>
      </c>
      <c r="AF14" s="1" t="str">
        <f t="shared" ca="1" si="32"/>
        <v/>
      </c>
      <c r="AG14" s="1" t="str">
        <f t="shared" ca="1" si="33"/>
        <v/>
      </c>
    </row>
    <row r="15" spans="1:33" x14ac:dyDescent="0.25">
      <c r="A15" s="1">
        <v>10</v>
      </c>
      <c r="B15" s="1">
        <f t="shared" ca="1" si="3"/>
        <v>3</v>
      </c>
      <c r="D15" s="1" t="str">
        <f t="shared" ca="1" si="4"/>
        <v>H</v>
      </c>
      <c r="E15" s="1" t="str">
        <f t="shared" ca="1" si="5"/>
        <v>H</v>
      </c>
      <c r="F15" s="1" t="str">
        <f t="shared" ca="1" si="6"/>
        <v>T</v>
      </c>
      <c r="G15" s="1" t="str">
        <f t="shared" ca="1" si="7"/>
        <v>T</v>
      </c>
      <c r="H15" s="1" t="str">
        <f t="shared" ca="1" si="8"/>
        <v>T</v>
      </c>
      <c r="I15" s="1" t="str">
        <f t="shared" ca="1" si="9"/>
        <v>T</v>
      </c>
      <c r="J15" s="1" t="str">
        <f t="shared" ca="1" si="10"/>
        <v/>
      </c>
      <c r="K15" s="1" t="str">
        <f t="shared" ca="1" si="11"/>
        <v/>
      </c>
      <c r="L15" s="1" t="str">
        <f t="shared" ca="1" si="12"/>
        <v/>
      </c>
      <c r="M15" s="1" t="str">
        <f t="shared" ca="1" si="13"/>
        <v/>
      </c>
      <c r="N15" s="1" t="str">
        <f t="shared" ca="1" si="14"/>
        <v/>
      </c>
      <c r="O15" s="1" t="str">
        <f t="shared" ca="1" si="15"/>
        <v/>
      </c>
      <c r="P15" s="1" t="str">
        <f t="shared" ca="1" si="16"/>
        <v/>
      </c>
      <c r="Q15" s="1" t="str">
        <f t="shared" ca="1" si="17"/>
        <v/>
      </c>
      <c r="R15" s="1" t="str">
        <f t="shared" ca="1" si="18"/>
        <v/>
      </c>
      <c r="S15" s="1" t="str">
        <f t="shared" ca="1" si="19"/>
        <v/>
      </c>
      <c r="T15" s="1" t="str">
        <f t="shared" ca="1" si="20"/>
        <v/>
      </c>
      <c r="U15" s="1" t="str">
        <f t="shared" ca="1" si="21"/>
        <v/>
      </c>
      <c r="V15" s="1" t="str">
        <f t="shared" ca="1" si="22"/>
        <v/>
      </c>
      <c r="W15" s="1" t="str">
        <f t="shared" ca="1" si="23"/>
        <v/>
      </c>
      <c r="X15" s="1" t="str">
        <f t="shared" ca="1" si="24"/>
        <v/>
      </c>
      <c r="Y15" s="1" t="str">
        <f t="shared" ca="1" si="25"/>
        <v/>
      </c>
      <c r="Z15" s="1" t="str">
        <f t="shared" ca="1" si="26"/>
        <v/>
      </c>
      <c r="AA15" s="1" t="str">
        <f t="shared" ca="1" si="27"/>
        <v/>
      </c>
      <c r="AB15" s="1" t="str">
        <f t="shared" ca="1" si="28"/>
        <v/>
      </c>
      <c r="AC15" s="1" t="str">
        <f t="shared" ca="1" si="29"/>
        <v/>
      </c>
      <c r="AD15" s="1" t="str">
        <f t="shared" ca="1" si="30"/>
        <v/>
      </c>
      <c r="AE15" s="1" t="str">
        <f t="shared" ca="1" si="31"/>
        <v/>
      </c>
      <c r="AF15" s="1" t="str">
        <f t="shared" ca="1" si="32"/>
        <v/>
      </c>
      <c r="AG15" s="1" t="str">
        <f t="shared" ca="1" si="33"/>
        <v/>
      </c>
    </row>
    <row r="16" spans="1:33" x14ac:dyDescent="0.25">
      <c r="A16" s="1">
        <v>11</v>
      </c>
      <c r="B16" s="1">
        <f t="shared" ca="1" si="3"/>
        <v>2</v>
      </c>
      <c r="D16" s="1" t="str">
        <f t="shared" ca="1" si="4"/>
        <v>H</v>
      </c>
      <c r="E16" s="1" t="str">
        <f t="shared" ca="1" si="5"/>
        <v>T</v>
      </c>
      <c r="F16" s="1" t="str">
        <f t="shared" ca="1" si="6"/>
        <v>T</v>
      </c>
      <c r="G16" s="1" t="str">
        <f t="shared" ca="1" si="7"/>
        <v>T</v>
      </c>
      <c r="H16" s="1" t="str">
        <f t="shared" ca="1" si="8"/>
        <v>T</v>
      </c>
      <c r="I16" s="1" t="str">
        <f t="shared" ca="1" si="9"/>
        <v>T</v>
      </c>
      <c r="J16" s="1" t="str">
        <f t="shared" ca="1" si="10"/>
        <v/>
      </c>
      <c r="K16" s="1" t="str">
        <f t="shared" ca="1" si="11"/>
        <v/>
      </c>
      <c r="L16" s="1" t="str">
        <f t="shared" ca="1" si="12"/>
        <v/>
      </c>
      <c r="M16" s="1" t="str">
        <f t="shared" ca="1" si="13"/>
        <v/>
      </c>
      <c r="N16" s="1" t="str">
        <f t="shared" ca="1" si="14"/>
        <v/>
      </c>
      <c r="O16" s="1" t="str">
        <f t="shared" ca="1" si="15"/>
        <v/>
      </c>
      <c r="P16" s="1" t="str">
        <f t="shared" ca="1" si="16"/>
        <v/>
      </c>
      <c r="Q16" s="1" t="str">
        <f t="shared" ca="1" si="17"/>
        <v/>
      </c>
      <c r="R16" s="1" t="str">
        <f t="shared" ca="1" si="18"/>
        <v/>
      </c>
      <c r="S16" s="1" t="str">
        <f t="shared" ca="1" si="19"/>
        <v/>
      </c>
      <c r="T16" s="1" t="str">
        <f t="shared" ca="1" si="20"/>
        <v/>
      </c>
      <c r="U16" s="1" t="str">
        <f t="shared" ca="1" si="21"/>
        <v/>
      </c>
      <c r="V16" s="1" t="str">
        <f t="shared" ca="1" si="22"/>
        <v/>
      </c>
      <c r="W16" s="1" t="str">
        <f t="shared" ca="1" si="23"/>
        <v/>
      </c>
      <c r="X16" s="1" t="str">
        <f t="shared" ca="1" si="24"/>
        <v/>
      </c>
      <c r="Y16" s="1" t="str">
        <f t="shared" ca="1" si="25"/>
        <v/>
      </c>
      <c r="Z16" s="1" t="str">
        <f t="shared" ca="1" si="26"/>
        <v/>
      </c>
      <c r="AA16" s="1" t="str">
        <f t="shared" ca="1" si="27"/>
        <v/>
      </c>
      <c r="AB16" s="1" t="str">
        <f t="shared" ca="1" si="28"/>
        <v/>
      </c>
      <c r="AC16" s="1" t="str">
        <f t="shared" ca="1" si="29"/>
        <v/>
      </c>
      <c r="AD16" s="1" t="str">
        <f t="shared" ca="1" si="30"/>
        <v/>
      </c>
      <c r="AE16" s="1" t="str">
        <f t="shared" ca="1" si="31"/>
        <v/>
      </c>
      <c r="AF16" s="1" t="str">
        <f t="shared" ca="1" si="32"/>
        <v/>
      </c>
      <c r="AG16" s="1" t="str">
        <f t="shared" ca="1" si="33"/>
        <v/>
      </c>
    </row>
    <row r="17" spans="1:33" x14ac:dyDescent="0.25">
      <c r="A17" s="1">
        <v>12</v>
      </c>
      <c r="B17" s="1">
        <f t="shared" ca="1" si="3"/>
        <v>1</v>
      </c>
      <c r="D17" s="1" t="str">
        <f t="shared" ca="1" si="4"/>
        <v>T</v>
      </c>
      <c r="E17" s="1" t="str">
        <f t="shared" ca="1" si="5"/>
        <v>T</v>
      </c>
      <c r="F17" s="1" t="str">
        <f t="shared" ca="1" si="6"/>
        <v>T</v>
      </c>
      <c r="G17" s="1" t="str">
        <f t="shared" ca="1" si="7"/>
        <v>T</v>
      </c>
      <c r="H17" s="1" t="str">
        <f t="shared" ca="1" si="8"/>
        <v>T</v>
      </c>
      <c r="I17" s="1" t="str">
        <f t="shared" ca="1" si="9"/>
        <v>T</v>
      </c>
      <c r="J17" s="1" t="str">
        <f t="shared" ca="1" si="10"/>
        <v/>
      </c>
      <c r="K17" s="1" t="str">
        <f t="shared" ca="1" si="11"/>
        <v/>
      </c>
      <c r="L17" s="1" t="str">
        <f t="shared" ca="1" si="12"/>
        <v/>
      </c>
      <c r="M17" s="1" t="str">
        <f t="shared" ca="1" si="13"/>
        <v/>
      </c>
      <c r="N17" s="1" t="str">
        <f t="shared" ca="1" si="14"/>
        <v/>
      </c>
      <c r="O17" s="1" t="str">
        <f t="shared" ca="1" si="15"/>
        <v/>
      </c>
      <c r="P17" s="1" t="str">
        <f t="shared" ca="1" si="16"/>
        <v/>
      </c>
      <c r="Q17" s="1" t="str">
        <f t="shared" ca="1" si="17"/>
        <v/>
      </c>
      <c r="R17" s="1" t="str">
        <f t="shared" ca="1" si="18"/>
        <v/>
      </c>
      <c r="S17" s="1" t="str">
        <f t="shared" ca="1" si="19"/>
        <v/>
      </c>
      <c r="T17" s="1" t="str">
        <f t="shared" ca="1" si="20"/>
        <v/>
      </c>
      <c r="U17" s="1" t="str">
        <f t="shared" ca="1" si="21"/>
        <v/>
      </c>
      <c r="V17" s="1" t="str">
        <f t="shared" ca="1" si="22"/>
        <v/>
      </c>
      <c r="W17" s="1" t="str">
        <f t="shared" ca="1" si="23"/>
        <v/>
      </c>
      <c r="X17" s="1" t="str">
        <f t="shared" ca="1" si="24"/>
        <v/>
      </c>
      <c r="Y17" s="1" t="str">
        <f t="shared" ca="1" si="25"/>
        <v/>
      </c>
      <c r="Z17" s="1" t="str">
        <f t="shared" ca="1" si="26"/>
        <v/>
      </c>
      <c r="AA17" s="1" t="str">
        <f t="shared" ca="1" si="27"/>
        <v/>
      </c>
      <c r="AB17" s="1" t="str">
        <f t="shared" ca="1" si="28"/>
        <v/>
      </c>
      <c r="AC17" s="1" t="str">
        <f t="shared" ca="1" si="29"/>
        <v/>
      </c>
      <c r="AD17" s="1" t="str">
        <f t="shared" ca="1" si="30"/>
        <v/>
      </c>
      <c r="AE17" s="1" t="str">
        <f t="shared" ca="1" si="31"/>
        <v/>
      </c>
      <c r="AF17" s="1" t="str">
        <f t="shared" ca="1" si="32"/>
        <v/>
      </c>
      <c r="AG17" s="1" t="str">
        <f t="shared" ca="1" si="33"/>
        <v/>
      </c>
    </row>
    <row r="18" spans="1:33" x14ac:dyDescent="0.25">
      <c r="A18" s="1">
        <v>13</v>
      </c>
      <c r="B18" s="1">
        <f t="shared" ca="1" si="3"/>
        <v>0</v>
      </c>
      <c r="D18" s="1" t="str">
        <f t="shared" ca="1" si="4"/>
        <v>T</v>
      </c>
      <c r="E18" s="1" t="str">
        <f t="shared" ca="1" si="5"/>
        <v>T</v>
      </c>
      <c r="F18" s="1" t="str">
        <f t="shared" ca="1" si="6"/>
        <v>T</v>
      </c>
      <c r="G18" s="1" t="str">
        <f t="shared" ca="1" si="7"/>
        <v>T</v>
      </c>
      <c r="H18" s="1" t="str">
        <f t="shared" ca="1" si="8"/>
        <v>T</v>
      </c>
      <c r="I18" s="1" t="str">
        <f t="shared" ca="1" si="9"/>
        <v>T</v>
      </c>
      <c r="J18" s="1" t="str">
        <f t="shared" ca="1" si="10"/>
        <v/>
      </c>
      <c r="K18" s="1" t="str">
        <f t="shared" ca="1" si="11"/>
        <v/>
      </c>
      <c r="L18" s="1" t="str">
        <f t="shared" ca="1" si="12"/>
        <v/>
      </c>
      <c r="M18" s="1" t="str">
        <f t="shared" ca="1" si="13"/>
        <v/>
      </c>
      <c r="N18" s="1" t="str">
        <f t="shared" ca="1" si="14"/>
        <v/>
      </c>
      <c r="O18" s="1" t="str">
        <f t="shared" ca="1" si="15"/>
        <v/>
      </c>
      <c r="P18" s="1" t="str">
        <f t="shared" ca="1" si="16"/>
        <v/>
      </c>
      <c r="Q18" s="1" t="str">
        <f t="shared" ca="1" si="17"/>
        <v/>
      </c>
      <c r="R18" s="1" t="str">
        <f t="shared" ca="1" si="18"/>
        <v/>
      </c>
      <c r="S18" s="1" t="str">
        <f t="shared" ca="1" si="19"/>
        <v/>
      </c>
      <c r="T18" s="1" t="str">
        <f t="shared" ca="1" si="20"/>
        <v/>
      </c>
      <c r="U18" s="1" t="str">
        <f t="shared" ca="1" si="21"/>
        <v/>
      </c>
      <c r="V18" s="1" t="str">
        <f t="shared" ca="1" si="22"/>
        <v/>
      </c>
      <c r="W18" s="1" t="str">
        <f t="shared" ca="1" si="23"/>
        <v/>
      </c>
      <c r="X18" s="1" t="str">
        <f t="shared" ca="1" si="24"/>
        <v/>
      </c>
      <c r="Y18" s="1" t="str">
        <f t="shared" ca="1" si="25"/>
        <v/>
      </c>
      <c r="Z18" s="1" t="str">
        <f t="shared" ca="1" si="26"/>
        <v/>
      </c>
      <c r="AA18" s="1" t="str">
        <f t="shared" ca="1" si="27"/>
        <v/>
      </c>
      <c r="AB18" s="1" t="str">
        <f t="shared" ca="1" si="28"/>
        <v/>
      </c>
      <c r="AC18" s="1" t="str">
        <f t="shared" ca="1" si="29"/>
        <v/>
      </c>
      <c r="AD18" s="1" t="str">
        <f t="shared" ca="1" si="30"/>
        <v/>
      </c>
      <c r="AE18" s="1" t="str">
        <f t="shared" ca="1" si="31"/>
        <v/>
      </c>
      <c r="AF18" s="1" t="str">
        <f t="shared" ca="1" si="32"/>
        <v/>
      </c>
      <c r="AG18" s="1" t="str">
        <f t="shared" ca="1" si="33"/>
        <v/>
      </c>
    </row>
    <row r="19" spans="1:33" x14ac:dyDescent="0.25">
      <c r="A19" s="1">
        <v>14</v>
      </c>
      <c r="B19" s="1">
        <f t="shared" ca="1" si="3"/>
        <v>0</v>
      </c>
      <c r="D19" s="1" t="str">
        <f t="shared" ca="1" si="4"/>
        <v>T</v>
      </c>
      <c r="E19" s="1" t="str">
        <f t="shared" ca="1" si="5"/>
        <v>T</v>
      </c>
      <c r="F19" s="1" t="str">
        <f t="shared" ca="1" si="6"/>
        <v>T</v>
      </c>
      <c r="G19" s="1" t="str">
        <f t="shared" ca="1" si="7"/>
        <v>T</v>
      </c>
      <c r="H19" s="1" t="str">
        <f t="shared" ca="1" si="8"/>
        <v>T</v>
      </c>
      <c r="I19" s="1" t="str">
        <f t="shared" ca="1" si="9"/>
        <v>T</v>
      </c>
      <c r="J19" s="1" t="str">
        <f t="shared" ca="1" si="10"/>
        <v/>
      </c>
      <c r="K19" s="1" t="str">
        <f t="shared" ca="1" si="11"/>
        <v/>
      </c>
      <c r="L19" s="1" t="str">
        <f t="shared" ca="1" si="12"/>
        <v/>
      </c>
      <c r="M19" s="1" t="str">
        <f t="shared" ca="1" si="13"/>
        <v/>
      </c>
      <c r="N19" s="1" t="str">
        <f t="shared" ca="1" si="14"/>
        <v/>
      </c>
      <c r="O19" s="1" t="str">
        <f t="shared" ca="1" si="15"/>
        <v/>
      </c>
      <c r="P19" s="1" t="str">
        <f t="shared" ca="1" si="16"/>
        <v/>
      </c>
      <c r="Q19" s="1" t="str">
        <f t="shared" ca="1" si="17"/>
        <v/>
      </c>
      <c r="R19" s="1" t="str">
        <f t="shared" ca="1" si="18"/>
        <v/>
      </c>
      <c r="S19" s="1" t="str">
        <f t="shared" ca="1" si="19"/>
        <v/>
      </c>
      <c r="T19" s="1" t="str">
        <f t="shared" ca="1" si="20"/>
        <v/>
      </c>
      <c r="U19" s="1" t="str">
        <f t="shared" ca="1" si="21"/>
        <v/>
      </c>
      <c r="V19" s="1" t="str">
        <f t="shared" ca="1" si="22"/>
        <v/>
      </c>
      <c r="W19" s="1" t="str">
        <f t="shared" ca="1" si="23"/>
        <v/>
      </c>
      <c r="X19" s="1" t="str">
        <f t="shared" ca="1" si="24"/>
        <v/>
      </c>
      <c r="Y19" s="1" t="str">
        <f t="shared" ca="1" si="25"/>
        <v/>
      </c>
      <c r="Z19" s="1" t="str">
        <f t="shared" ca="1" si="26"/>
        <v/>
      </c>
      <c r="AA19" s="1" t="str">
        <f t="shared" ca="1" si="27"/>
        <v/>
      </c>
      <c r="AB19" s="1" t="str">
        <f t="shared" ca="1" si="28"/>
        <v/>
      </c>
      <c r="AC19" s="1" t="str">
        <f t="shared" ca="1" si="29"/>
        <v/>
      </c>
      <c r="AD19" s="1" t="str">
        <f t="shared" ca="1" si="30"/>
        <v/>
      </c>
      <c r="AE19" s="1" t="str">
        <f t="shared" ca="1" si="31"/>
        <v/>
      </c>
      <c r="AF19" s="1" t="str">
        <f t="shared" ca="1" si="32"/>
        <v/>
      </c>
      <c r="AG19" s="1" t="str">
        <f t="shared" ca="1" si="33"/>
        <v/>
      </c>
    </row>
    <row r="20" spans="1:33" x14ac:dyDescent="0.25">
      <c r="A20" s="1">
        <v>15</v>
      </c>
      <c r="B20" s="1">
        <f t="shared" ca="1" si="3"/>
        <v>0</v>
      </c>
      <c r="D20" s="1" t="str">
        <f t="shared" ca="1" si="4"/>
        <v>T</v>
      </c>
      <c r="E20" s="1" t="str">
        <f t="shared" ca="1" si="5"/>
        <v>T</v>
      </c>
      <c r="F20" s="1" t="str">
        <f t="shared" ca="1" si="6"/>
        <v>T</v>
      </c>
      <c r="G20" s="1" t="str">
        <f t="shared" ca="1" si="7"/>
        <v>T</v>
      </c>
      <c r="H20" s="1" t="str">
        <f t="shared" ca="1" si="8"/>
        <v>T</v>
      </c>
      <c r="I20" s="1" t="str">
        <f t="shared" ca="1" si="9"/>
        <v>T</v>
      </c>
      <c r="J20" s="1" t="str">
        <f t="shared" ca="1" si="10"/>
        <v/>
      </c>
      <c r="K20" s="1" t="str">
        <f t="shared" ca="1" si="11"/>
        <v/>
      </c>
      <c r="L20" s="1" t="str">
        <f t="shared" ca="1" si="12"/>
        <v/>
      </c>
      <c r="M20" s="1" t="str">
        <f t="shared" ca="1" si="13"/>
        <v/>
      </c>
      <c r="N20" s="1" t="str">
        <f t="shared" ca="1" si="14"/>
        <v/>
      </c>
      <c r="O20" s="1" t="str">
        <f t="shared" ca="1" si="15"/>
        <v/>
      </c>
      <c r="P20" s="1" t="str">
        <f t="shared" ca="1" si="16"/>
        <v/>
      </c>
      <c r="Q20" s="1" t="str">
        <f t="shared" ca="1" si="17"/>
        <v/>
      </c>
      <c r="R20" s="1" t="str">
        <f t="shared" ca="1" si="18"/>
        <v/>
      </c>
      <c r="S20" s="1" t="str">
        <f t="shared" ca="1" si="19"/>
        <v/>
      </c>
      <c r="T20" s="1" t="str">
        <f t="shared" ca="1" si="20"/>
        <v/>
      </c>
      <c r="U20" s="1" t="str">
        <f t="shared" ca="1" si="21"/>
        <v/>
      </c>
      <c r="V20" s="1" t="str">
        <f t="shared" ca="1" si="22"/>
        <v/>
      </c>
      <c r="W20" s="1" t="str">
        <f t="shared" ca="1" si="23"/>
        <v/>
      </c>
      <c r="X20" s="1" t="str">
        <f t="shared" ca="1" si="24"/>
        <v/>
      </c>
      <c r="Y20" s="1" t="str">
        <f t="shared" ca="1" si="25"/>
        <v/>
      </c>
      <c r="Z20" s="1" t="str">
        <f t="shared" ca="1" si="26"/>
        <v/>
      </c>
      <c r="AA20" s="1" t="str">
        <f t="shared" ca="1" si="27"/>
        <v/>
      </c>
      <c r="AB20" s="1" t="str">
        <f t="shared" ca="1" si="28"/>
        <v/>
      </c>
      <c r="AC20" s="1" t="str">
        <f t="shared" ca="1" si="29"/>
        <v/>
      </c>
      <c r="AD20" s="1" t="str">
        <f t="shared" ca="1" si="30"/>
        <v/>
      </c>
      <c r="AE20" s="1" t="str">
        <f t="shared" ca="1" si="31"/>
        <v/>
      </c>
      <c r="AF20" s="1" t="str">
        <f t="shared" ca="1" si="32"/>
        <v/>
      </c>
      <c r="AG20" s="1" t="str">
        <f t="shared" ca="1" si="33"/>
        <v/>
      </c>
    </row>
    <row r="21" spans="1:33" x14ac:dyDescent="0.25">
      <c r="A21" s="1">
        <v>16</v>
      </c>
      <c r="B21" s="1">
        <f t="shared" ca="1" si="3"/>
        <v>0</v>
      </c>
      <c r="D21" s="1" t="str">
        <f t="shared" ca="1" si="4"/>
        <v>T</v>
      </c>
      <c r="E21" s="1" t="str">
        <f t="shared" ca="1" si="5"/>
        <v>T</v>
      </c>
      <c r="F21" s="1" t="str">
        <f t="shared" ca="1" si="6"/>
        <v>T</v>
      </c>
      <c r="G21" s="1" t="str">
        <f t="shared" ca="1" si="7"/>
        <v>T</v>
      </c>
      <c r="H21" s="1" t="str">
        <f t="shared" ca="1" si="8"/>
        <v>T</v>
      </c>
      <c r="I21" s="1" t="str">
        <f t="shared" ca="1" si="9"/>
        <v>T</v>
      </c>
      <c r="J21" s="1" t="str">
        <f t="shared" ca="1" si="10"/>
        <v/>
      </c>
      <c r="K21" s="1" t="str">
        <f t="shared" ca="1" si="11"/>
        <v/>
      </c>
      <c r="L21" s="1" t="str">
        <f t="shared" ca="1" si="12"/>
        <v/>
      </c>
      <c r="M21" s="1" t="str">
        <f t="shared" ca="1" si="13"/>
        <v/>
      </c>
      <c r="N21" s="1" t="str">
        <f t="shared" ca="1" si="14"/>
        <v/>
      </c>
      <c r="O21" s="1" t="str">
        <f t="shared" ca="1" si="15"/>
        <v/>
      </c>
      <c r="P21" s="1" t="str">
        <f t="shared" ca="1" si="16"/>
        <v/>
      </c>
      <c r="Q21" s="1" t="str">
        <f t="shared" ca="1" si="17"/>
        <v/>
      </c>
      <c r="R21" s="1" t="str">
        <f t="shared" ca="1" si="18"/>
        <v/>
      </c>
      <c r="S21" s="1" t="str">
        <f t="shared" ca="1" si="19"/>
        <v/>
      </c>
      <c r="T21" s="1" t="str">
        <f t="shared" ca="1" si="20"/>
        <v/>
      </c>
      <c r="U21" s="1" t="str">
        <f t="shared" ca="1" si="21"/>
        <v/>
      </c>
      <c r="V21" s="1" t="str">
        <f t="shared" ca="1" si="22"/>
        <v/>
      </c>
      <c r="W21" s="1" t="str">
        <f t="shared" ca="1" si="23"/>
        <v/>
      </c>
      <c r="X21" s="1" t="str">
        <f t="shared" ca="1" si="24"/>
        <v/>
      </c>
      <c r="Y21" s="1" t="str">
        <f t="shared" ca="1" si="25"/>
        <v/>
      </c>
      <c r="Z21" s="1" t="str">
        <f t="shared" ca="1" si="26"/>
        <v/>
      </c>
      <c r="AA21" s="1" t="str">
        <f t="shared" ca="1" si="27"/>
        <v/>
      </c>
      <c r="AB21" s="1" t="str">
        <f t="shared" ca="1" si="28"/>
        <v/>
      </c>
      <c r="AC21" s="1" t="str">
        <f t="shared" ca="1" si="29"/>
        <v/>
      </c>
      <c r="AD21" s="1" t="str">
        <f t="shared" ca="1" si="30"/>
        <v/>
      </c>
      <c r="AE21" s="1" t="str">
        <f t="shared" ca="1" si="31"/>
        <v/>
      </c>
      <c r="AF21" s="1" t="str">
        <f t="shared" ca="1" si="32"/>
        <v/>
      </c>
      <c r="AG21" s="1" t="str">
        <f t="shared" ca="1" si="33"/>
        <v/>
      </c>
    </row>
    <row r="22" spans="1:33" x14ac:dyDescent="0.25">
      <c r="A22" s="1">
        <v>17</v>
      </c>
      <c r="B22" s="1">
        <f t="shared" ca="1" si="3"/>
        <v>0</v>
      </c>
      <c r="D22" s="1" t="str">
        <f t="shared" ca="1" si="4"/>
        <v>T</v>
      </c>
      <c r="E22" s="1" t="str">
        <f t="shared" ca="1" si="5"/>
        <v>T</v>
      </c>
      <c r="F22" s="1" t="str">
        <f t="shared" ca="1" si="6"/>
        <v>T</v>
      </c>
      <c r="G22" s="1" t="str">
        <f t="shared" ca="1" si="7"/>
        <v>T</v>
      </c>
      <c r="H22" s="1" t="str">
        <f t="shared" ca="1" si="8"/>
        <v>T</v>
      </c>
      <c r="I22" s="1" t="str">
        <f t="shared" ca="1" si="9"/>
        <v>T</v>
      </c>
      <c r="J22" s="1" t="str">
        <f t="shared" ca="1" si="10"/>
        <v/>
      </c>
      <c r="K22" s="1" t="str">
        <f t="shared" ca="1" si="11"/>
        <v/>
      </c>
      <c r="L22" s="1" t="str">
        <f t="shared" ca="1" si="12"/>
        <v/>
      </c>
      <c r="M22" s="1" t="str">
        <f t="shared" ca="1" si="13"/>
        <v/>
      </c>
      <c r="N22" s="1" t="str">
        <f t="shared" ca="1" si="14"/>
        <v/>
      </c>
      <c r="O22" s="1" t="str">
        <f t="shared" ca="1" si="15"/>
        <v/>
      </c>
      <c r="P22" s="1" t="str">
        <f t="shared" ca="1" si="16"/>
        <v/>
      </c>
      <c r="Q22" s="1" t="str">
        <f t="shared" ca="1" si="17"/>
        <v/>
      </c>
      <c r="R22" s="1" t="str">
        <f t="shared" ca="1" si="18"/>
        <v/>
      </c>
      <c r="S22" s="1" t="str">
        <f t="shared" ca="1" si="19"/>
        <v/>
      </c>
      <c r="T22" s="1" t="str">
        <f t="shared" ca="1" si="20"/>
        <v/>
      </c>
      <c r="U22" s="1" t="str">
        <f t="shared" ca="1" si="21"/>
        <v/>
      </c>
      <c r="V22" s="1" t="str">
        <f t="shared" ca="1" si="22"/>
        <v/>
      </c>
      <c r="W22" s="1" t="str">
        <f t="shared" ca="1" si="23"/>
        <v/>
      </c>
      <c r="X22" s="1" t="str">
        <f t="shared" ca="1" si="24"/>
        <v/>
      </c>
      <c r="Y22" s="1" t="str">
        <f t="shared" ca="1" si="25"/>
        <v/>
      </c>
      <c r="Z22" s="1" t="str">
        <f t="shared" ca="1" si="26"/>
        <v/>
      </c>
      <c r="AA22" s="1" t="str">
        <f t="shared" ca="1" si="27"/>
        <v/>
      </c>
      <c r="AB22" s="1" t="str">
        <f t="shared" ca="1" si="28"/>
        <v/>
      </c>
      <c r="AC22" s="1" t="str">
        <f t="shared" ca="1" si="29"/>
        <v/>
      </c>
      <c r="AD22" s="1" t="str">
        <f t="shared" ca="1" si="30"/>
        <v/>
      </c>
      <c r="AE22" s="1" t="str">
        <f t="shared" ca="1" si="31"/>
        <v/>
      </c>
      <c r="AF22" s="1" t="str">
        <f t="shared" ca="1" si="32"/>
        <v/>
      </c>
      <c r="AG22" s="1" t="str">
        <f t="shared" ca="1" si="33"/>
        <v/>
      </c>
    </row>
    <row r="23" spans="1:33" x14ac:dyDescent="0.25">
      <c r="A23" s="1">
        <v>18</v>
      </c>
      <c r="B23" s="1">
        <f t="shared" ca="1" si="3"/>
        <v>0</v>
      </c>
      <c r="D23" s="1" t="str">
        <f t="shared" ca="1" si="4"/>
        <v>T</v>
      </c>
      <c r="E23" s="1" t="str">
        <f t="shared" ca="1" si="5"/>
        <v>T</v>
      </c>
      <c r="F23" s="1" t="str">
        <f t="shared" ca="1" si="6"/>
        <v>T</v>
      </c>
      <c r="G23" s="1" t="str">
        <f t="shared" ca="1" si="7"/>
        <v>T</v>
      </c>
      <c r="H23" s="1" t="str">
        <f t="shared" ca="1" si="8"/>
        <v>T</v>
      </c>
      <c r="I23" s="1" t="str">
        <f t="shared" ca="1" si="9"/>
        <v>T</v>
      </c>
      <c r="J23" s="1" t="str">
        <f t="shared" ca="1" si="10"/>
        <v/>
      </c>
      <c r="K23" s="1" t="str">
        <f t="shared" ca="1" si="11"/>
        <v/>
      </c>
      <c r="L23" s="1" t="str">
        <f t="shared" ca="1" si="12"/>
        <v/>
      </c>
      <c r="M23" s="1" t="str">
        <f t="shared" ca="1" si="13"/>
        <v/>
      </c>
      <c r="N23" s="1" t="str">
        <f t="shared" ca="1" si="14"/>
        <v/>
      </c>
      <c r="O23" s="1" t="str">
        <f t="shared" ca="1" si="15"/>
        <v/>
      </c>
      <c r="P23" s="1" t="str">
        <f t="shared" ca="1" si="16"/>
        <v/>
      </c>
      <c r="Q23" s="1" t="str">
        <f t="shared" ca="1" si="17"/>
        <v/>
      </c>
      <c r="R23" s="1" t="str">
        <f t="shared" ca="1" si="18"/>
        <v/>
      </c>
      <c r="S23" s="1" t="str">
        <f t="shared" ca="1" si="19"/>
        <v/>
      </c>
      <c r="T23" s="1" t="str">
        <f t="shared" ca="1" si="20"/>
        <v/>
      </c>
      <c r="U23" s="1" t="str">
        <f t="shared" ca="1" si="21"/>
        <v/>
      </c>
      <c r="V23" s="1" t="str">
        <f t="shared" ca="1" si="22"/>
        <v/>
      </c>
      <c r="W23" s="1" t="str">
        <f t="shared" ca="1" si="23"/>
        <v/>
      </c>
      <c r="X23" s="1" t="str">
        <f t="shared" ca="1" si="24"/>
        <v/>
      </c>
      <c r="Y23" s="1" t="str">
        <f t="shared" ca="1" si="25"/>
        <v/>
      </c>
      <c r="Z23" s="1" t="str">
        <f t="shared" ca="1" si="26"/>
        <v/>
      </c>
      <c r="AA23" s="1" t="str">
        <f t="shared" ca="1" si="27"/>
        <v/>
      </c>
      <c r="AB23" s="1" t="str">
        <f t="shared" ca="1" si="28"/>
        <v/>
      </c>
      <c r="AC23" s="1" t="str">
        <f t="shared" ca="1" si="29"/>
        <v/>
      </c>
      <c r="AD23" s="1" t="str">
        <f t="shared" ca="1" si="30"/>
        <v/>
      </c>
      <c r="AE23" s="1" t="str">
        <f t="shared" ca="1" si="31"/>
        <v/>
      </c>
      <c r="AF23" s="1" t="str">
        <f t="shared" ca="1" si="32"/>
        <v/>
      </c>
      <c r="AG23" s="1" t="str">
        <f t="shared" ca="1" si="33"/>
        <v/>
      </c>
    </row>
    <row r="24" spans="1:33" x14ac:dyDescent="0.25">
      <c r="A24" s="1">
        <v>19</v>
      </c>
      <c r="B24" s="1">
        <f t="shared" ca="1" si="3"/>
        <v>0</v>
      </c>
      <c r="D24" s="1" t="str">
        <f t="shared" ca="1" si="4"/>
        <v>T</v>
      </c>
      <c r="E24" s="1" t="str">
        <f t="shared" ca="1" si="5"/>
        <v>T</v>
      </c>
      <c r="F24" s="1" t="str">
        <f t="shared" ca="1" si="6"/>
        <v>T</v>
      </c>
      <c r="G24" s="1" t="str">
        <f t="shared" ca="1" si="7"/>
        <v>T</v>
      </c>
      <c r="H24" s="1" t="str">
        <f t="shared" ca="1" si="8"/>
        <v>T</v>
      </c>
      <c r="I24" s="1" t="str">
        <f t="shared" ca="1" si="9"/>
        <v>T</v>
      </c>
      <c r="J24" s="1" t="str">
        <f t="shared" ca="1" si="10"/>
        <v/>
      </c>
      <c r="K24" s="1" t="str">
        <f t="shared" ca="1" si="11"/>
        <v/>
      </c>
      <c r="L24" s="1" t="str">
        <f t="shared" ca="1" si="12"/>
        <v/>
      </c>
      <c r="M24" s="1" t="str">
        <f t="shared" ca="1" si="13"/>
        <v/>
      </c>
      <c r="N24" s="1" t="str">
        <f t="shared" ca="1" si="14"/>
        <v/>
      </c>
      <c r="O24" s="1" t="str">
        <f t="shared" ca="1" si="15"/>
        <v/>
      </c>
      <c r="P24" s="1" t="str">
        <f t="shared" ca="1" si="16"/>
        <v/>
      </c>
      <c r="Q24" s="1" t="str">
        <f t="shared" ca="1" si="17"/>
        <v/>
      </c>
      <c r="R24" s="1" t="str">
        <f t="shared" ca="1" si="18"/>
        <v/>
      </c>
      <c r="S24" s="1" t="str">
        <f t="shared" ca="1" si="19"/>
        <v/>
      </c>
      <c r="T24" s="1" t="str">
        <f t="shared" ca="1" si="20"/>
        <v/>
      </c>
      <c r="U24" s="1" t="str">
        <f t="shared" ca="1" si="21"/>
        <v/>
      </c>
      <c r="V24" s="1" t="str">
        <f t="shared" ca="1" si="22"/>
        <v/>
      </c>
      <c r="W24" s="1" t="str">
        <f t="shared" ca="1" si="23"/>
        <v/>
      </c>
      <c r="X24" s="1" t="str">
        <f t="shared" ca="1" si="24"/>
        <v/>
      </c>
      <c r="Y24" s="1" t="str">
        <f t="shared" ca="1" si="25"/>
        <v/>
      </c>
      <c r="Z24" s="1" t="str">
        <f t="shared" ca="1" si="26"/>
        <v/>
      </c>
      <c r="AA24" s="1" t="str">
        <f t="shared" ca="1" si="27"/>
        <v/>
      </c>
      <c r="AB24" s="1" t="str">
        <f t="shared" ca="1" si="28"/>
        <v/>
      </c>
      <c r="AC24" s="1" t="str">
        <f t="shared" ca="1" si="29"/>
        <v/>
      </c>
      <c r="AD24" s="1" t="str">
        <f t="shared" ca="1" si="30"/>
        <v/>
      </c>
      <c r="AE24" s="1" t="str">
        <f t="shared" ca="1" si="31"/>
        <v/>
      </c>
      <c r="AF24" s="1" t="str">
        <f t="shared" ca="1" si="32"/>
        <v/>
      </c>
      <c r="AG24" s="1" t="str">
        <f t="shared" ca="1" si="33"/>
        <v/>
      </c>
    </row>
    <row r="25" spans="1:33" x14ac:dyDescent="0.25">
      <c r="A25" s="1">
        <v>20</v>
      </c>
      <c r="B25" s="1">
        <f t="shared" ca="1" si="3"/>
        <v>0</v>
      </c>
      <c r="D25" s="1" t="str">
        <f t="shared" ca="1" si="4"/>
        <v>T</v>
      </c>
      <c r="E25" s="1" t="str">
        <f t="shared" ca="1" si="5"/>
        <v>T</v>
      </c>
      <c r="F25" s="1" t="str">
        <f t="shared" ca="1" si="6"/>
        <v>T</v>
      </c>
      <c r="G25" s="1" t="str">
        <f t="shared" ca="1" si="7"/>
        <v>T</v>
      </c>
      <c r="H25" s="1" t="str">
        <f t="shared" ca="1" si="8"/>
        <v>T</v>
      </c>
      <c r="I25" s="1" t="str">
        <f t="shared" ca="1" si="9"/>
        <v>T</v>
      </c>
      <c r="J25" s="1" t="str">
        <f t="shared" ca="1" si="10"/>
        <v/>
      </c>
      <c r="K25" s="1" t="str">
        <f t="shared" ca="1" si="11"/>
        <v/>
      </c>
      <c r="L25" s="1" t="str">
        <f t="shared" ca="1" si="12"/>
        <v/>
      </c>
      <c r="M25" s="1" t="str">
        <f t="shared" ca="1" si="13"/>
        <v/>
      </c>
      <c r="N25" s="1" t="str">
        <f t="shared" ca="1" si="14"/>
        <v/>
      </c>
      <c r="O25" s="1" t="str">
        <f t="shared" ca="1" si="15"/>
        <v/>
      </c>
      <c r="P25" s="1" t="str">
        <f t="shared" ca="1" si="16"/>
        <v/>
      </c>
      <c r="Q25" s="1" t="str">
        <f t="shared" ca="1" si="17"/>
        <v/>
      </c>
      <c r="R25" s="1" t="str">
        <f t="shared" ca="1" si="18"/>
        <v/>
      </c>
      <c r="S25" s="1" t="str">
        <f t="shared" ca="1" si="19"/>
        <v/>
      </c>
      <c r="T25" s="1" t="str">
        <f t="shared" ca="1" si="20"/>
        <v/>
      </c>
      <c r="U25" s="1" t="str">
        <f t="shared" ca="1" si="21"/>
        <v/>
      </c>
      <c r="V25" s="1" t="str">
        <f t="shared" ca="1" si="22"/>
        <v/>
      </c>
      <c r="W25" s="1" t="str">
        <f t="shared" ca="1" si="23"/>
        <v/>
      </c>
      <c r="X25" s="1" t="str">
        <f t="shared" ca="1" si="24"/>
        <v/>
      </c>
      <c r="Y25" s="1" t="str">
        <f t="shared" ca="1" si="25"/>
        <v/>
      </c>
      <c r="Z25" s="1" t="str">
        <f t="shared" ca="1" si="26"/>
        <v/>
      </c>
      <c r="AA25" s="1" t="str">
        <f t="shared" ca="1" si="27"/>
        <v/>
      </c>
      <c r="AB25" s="1" t="str">
        <f t="shared" ca="1" si="28"/>
        <v/>
      </c>
      <c r="AC25" s="1" t="str">
        <f t="shared" ca="1" si="29"/>
        <v/>
      </c>
      <c r="AD25" s="1" t="str">
        <f t="shared" ca="1" si="30"/>
        <v/>
      </c>
      <c r="AE25" s="1" t="str">
        <f t="shared" ca="1" si="31"/>
        <v/>
      </c>
      <c r="AF25" s="1" t="str">
        <f t="shared" ca="1" si="32"/>
        <v/>
      </c>
      <c r="AG25" s="1" t="str">
        <f t="shared" ca="1" si="33"/>
        <v/>
      </c>
    </row>
    <row r="26" spans="1:33" x14ac:dyDescent="0.25">
      <c r="A26" s="1">
        <v>21</v>
      </c>
      <c r="B26" s="1">
        <f t="shared" ca="1" si="3"/>
        <v>0</v>
      </c>
      <c r="D26" s="1" t="str">
        <f t="shared" ca="1" si="4"/>
        <v>T</v>
      </c>
      <c r="E26" s="1" t="str">
        <f t="shared" ca="1" si="5"/>
        <v>T</v>
      </c>
      <c r="F26" s="1" t="str">
        <f t="shared" ca="1" si="6"/>
        <v>T</v>
      </c>
      <c r="G26" s="1" t="str">
        <f t="shared" ca="1" si="7"/>
        <v>T</v>
      </c>
      <c r="H26" s="1" t="str">
        <f t="shared" ca="1" si="8"/>
        <v>T</v>
      </c>
      <c r="I26" s="1" t="str">
        <f t="shared" ca="1" si="9"/>
        <v>T</v>
      </c>
      <c r="J26" s="1" t="str">
        <f t="shared" ca="1" si="10"/>
        <v/>
      </c>
      <c r="K26" s="1" t="str">
        <f t="shared" ca="1" si="11"/>
        <v/>
      </c>
      <c r="L26" s="1" t="str">
        <f t="shared" ca="1" si="12"/>
        <v/>
      </c>
      <c r="M26" s="1" t="str">
        <f t="shared" ca="1" si="13"/>
        <v/>
      </c>
      <c r="N26" s="1" t="str">
        <f t="shared" ca="1" si="14"/>
        <v/>
      </c>
      <c r="O26" s="1" t="str">
        <f t="shared" ca="1" si="15"/>
        <v/>
      </c>
      <c r="P26" s="1" t="str">
        <f t="shared" ca="1" si="16"/>
        <v/>
      </c>
      <c r="Q26" s="1" t="str">
        <f t="shared" ca="1" si="17"/>
        <v/>
      </c>
      <c r="R26" s="1" t="str">
        <f t="shared" ca="1" si="18"/>
        <v/>
      </c>
      <c r="S26" s="1" t="str">
        <f t="shared" ca="1" si="19"/>
        <v/>
      </c>
      <c r="T26" s="1" t="str">
        <f t="shared" ca="1" si="20"/>
        <v/>
      </c>
      <c r="U26" s="1" t="str">
        <f t="shared" ca="1" si="21"/>
        <v/>
      </c>
      <c r="V26" s="1" t="str">
        <f t="shared" ca="1" si="22"/>
        <v/>
      </c>
      <c r="W26" s="1" t="str">
        <f t="shared" ca="1" si="23"/>
        <v/>
      </c>
      <c r="X26" s="1" t="str">
        <f t="shared" ca="1" si="24"/>
        <v/>
      </c>
      <c r="Y26" s="1" t="str">
        <f t="shared" ca="1" si="25"/>
        <v/>
      </c>
      <c r="Z26" s="1" t="str">
        <f t="shared" ca="1" si="26"/>
        <v/>
      </c>
      <c r="AA26" s="1" t="str">
        <f t="shared" ca="1" si="27"/>
        <v/>
      </c>
      <c r="AB26" s="1" t="str">
        <f t="shared" ca="1" si="28"/>
        <v/>
      </c>
      <c r="AC26" s="1" t="str">
        <f t="shared" ca="1" si="29"/>
        <v/>
      </c>
      <c r="AD26" s="1" t="str">
        <f t="shared" ca="1" si="30"/>
        <v/>
      </c>
      <c r="AE26" s="1" t="str">
        <f t="shared" ca="1" si="31"/>
        <v/>
      </c>
      <c r="AF26" s="1" t="str">
        <f t="shared" ca="1" si="32"/>
        <v/>
      </c>
      <c r="AG26" s="1" t="str">
        <f t="shared" ca="1" si="33"/>
        <v/>
      </c>
    </row>
    <row r="27" spans="1:33" x14ac:dyDescent="0.25">
      <c r="A27" s="1">
        <v>22</v>
      </c>
      <c r="B27" s="1">
        <f t="shared" ca="1" si="3"/>
        <v>0</v>
      </c>
      <c r="D27" s="1" t="str">
        <f t="shared" ca="1" si="4"/>
        <v>T</v>
      </c>
      <c r="E27" s="1" t="str">
        <f t="shared" ca="1" si="5"/>
        <v>T</v>
      </c>
      <c r="F27" s="1" t="str">
        <f t="shared" ca="1" si="6"/>
        <v>T</v>
      </c>
      <c r="G27" s="1" t="str">
        <f t="shared" ca="1" si="7"/>
        <v>T</v>
      </c>
      <c r="H27" s="1" t="str">
        <f t="shared" ca="1" si="8"/>
        <v>T</v>
      </c>
      <c r="I27" s="1" t="str">
        <f t="shared" ca="1" si="9"/>
        <v>T</v>
      </c>
      <c r="J27" s="1" t="str">
        <f t="shared" ca="1" si="10"/>
        <v/>
      </c>
      <c r="K27" s="1" t="str">
        <f t="shared" ca="1" si="11"/>
        <v/>
      </c>
      <c r="L27" s="1" t="str">
        <f t="shared" ca="1" si="12"/>
        <v/>
      </c>
      <c r="M27" s="1" t="str">
        <f t="shared" ca="1" si="13"/>
        <v/>
      </c>
      <c r="N27" s="1" t="str">
        <f t="shared" ca="1" si="14"/>
        <v/>
      </c>
      <c r="O27" s="1" t="str">
        <f t="shared" ca="1" si="15"/>
        <v/>
      </c>
      <c r="P27" s="1" t="str">
        <f t="shared" ca="1" si="16"/>
        <v/>
      </c>
      <c r="Q27" s="1" t="str">
        <f t="shared" ca="1" si="17"/>
        <v/>
      </c>
      <c r="R27" s="1" t="str">
        <f t="shared" ca="1" si="18"/>
        <v/>
      </c>
      <c r="S27" s="1" t="str">
        <f t="shared" ca="1" si="19"/>
        <v/>
      </c>
      <c r="T27" s="1" t="str">
        <f t="shared" ca="1" si="20"/>
        <v/>
      </c>
      <c r="U27" s="1" t="str">
        <f t="shared" ca="1" si="21"/>
        <v/>
      </c>
      <c r="V27" s="1" t="str">
        <f t="shared" ca="1" si="22"/>
        <v/>
      </c>
      <c r="W27" s="1" t="str">
        <f t="shared" ca="1" si="23"/>
        <v/>
      </c>
      <c r="X27" s="1" t="str">
        <f t="shared" ca="1" si="24"/>
        <v/>
      </c>
      <c r="Y27" s="1" t="str">
        <f t="shared" ca="1" si="25"/>
        <v/>
      </c>
      <c r="Z27" s="1" t="str">
        <f t="shared" ca="1" si="26"/>
        <v/>
      </c>
      <c r="AA27" s="1" t="str">
        <f t="shared" ca="1" si="27"/>
        <v/>
      </c>
      <c r="AB27" s="1" t="str">
        <f t="shared" ca="1" si="28"/>
        <v/>
      </c>
      <c r="AC27" s="1" t="str">
        <f t="shared" ca="1" si="29"/>
        <v/>
      </c>
      <c r="AD27" s="1" t="str">
        <f t="shared" ca="1" si="30"/>
        <v/>
      </c>
      <c r="AE27" s="1" t="str">
        <f t="shared" ca="1" si="31"/>
        <v/>
      </c>
      <c r="AF27" s="1" t="str">
        <f t="shared" ca="1" si="32"/>
        <v/>
      </c>
      <c r="AG27" s="1" t="str">
        <f t="shared" ca="1" si="33"/>
        <v/>
      </c>
    </row>
    <row r="28" spans="1:33" x14ac:dyDescent="0.25">
      <c r="A28" s="1">
        <v>23</v>
      </c>
      <c r="B28" s="1">
        <f t="shared" ca="1" si="3"/>
        <v>0</v>
      </c>
      <c r="D28" s="1" t="str">
        <f t="shared" ca="1" si="4"/>
        <v>T</v>
      </c>
      <c r="E28" s="1" t="str">
        <f t="shared" ca="1" si="5"/>
        <v>T</v>
      </c>
      <c r="F28" s="1" t="str">
        <f t="shared" ca="1" si="6"/>
        <v>T</v>
      </c>
      <c r="G28" s="1" t="str">
        <f t="shared" ca="1" si="7"/>
        <v>T</v>
      </c>
      <c r="H28" s="1" t="str">
        <f t="shared" ca="1" si="8"/>
        <v>T</v>
      </c>
      <c r="I28" s="1" t="str">
        <f t="shared" ca="1" si="9"/>
        <v>T</v>
      </c>
      <c r="J28" s="1" t="str">
        <f t="shared" ca="1" si="10"/>
        <v/>
      </c>
      <c r="K28" s="1" t="str">
        <f t="shared" ca="1" si="11"/>
        <v/>
      </c>
      <c r="L28" s="1" t="str">
        <f t="shared" ca="1" si="12"/>
        <v/>
      </c>
      <c r="M28" s="1" t="str">
        <f t="shared" ca="1" si="13"/>
        <v/>
      </c>
      <c r="N28" s="1" t="str">
        <f t="shared" ca="1" si="14"/>
        <v/>
      </c>
      <c r="O28" s="1" t="str">
        <f t="shared" ca="1" si="15"/>
        <v/>
      </c>
      <c r="P28" s="1" t="str">
        <f t="shared" ca="1" si="16"/>
        <v/>
      </c>
      <c r="Q28" s="1" t="str">
        <f t="shared" ca="1" si="17"/>
        <v/>
      </c>
      <c r="R28" s="1" t="str">
        <f t="shared" ca="1" si="18"/>
        <v/>
      </c>
      <c r="S28" s="1" t="str">
        <f t="shared" ca="1" si="19"/>
        <v/>
      </c>
      <c r="T28" s="1" t="str">
        <f t="shared" ca="1" si="20"/>
        <v/>
      </c>
      <c r="U28" s="1" t="str">
        <f t="shared" ca="1" si="21"/>
        <v/>
      </c>
      <c r="V28" s="1" t="str">
        <f t="shared" ca="1" si="22"/>
        <v/>
      </c>
      <c r="W28" s="1" t="str">
        <f t="shared" ca="1" si="23"/>
        <v/>
      </c>
      <c r="X28" s="1" t="str">
        <f t="shared" ca="1" si="24"/>
        <v/>
      </c>
      <c r="Y28" s="1" t="str">
        <f t="shared" ca="1" si="25"/>
        <v/>
      </c>
      <c r="Z28" s="1" t="str">
        <f t="shared" ca="1" si="26"/>
        <v/>
      </c>
      <c r="AA28" s="1" t="str">
        <f t="shared" ca="1" si="27"/>
        <v/>
      </c>
      <c r="AB28" s="1" t="str">
        <f t="shared" ca="1" si="28"/>
        <v/>
      </c>
      <c r="AC28" s="1" t="str">
        <f t="shared" ca="1" si="29"/>
        <v/>
      </c>
      <c r="AD28" s="1" t="str">
        <f t="shared" ca="1" si="30"/>
        <v/>
      </c>
      <c r="AE28" s="1" t="str">
        <f t="shared" ca="1" si="31"/>
        <v/>
      </c>
      <c r="AF28" s="1" t="str">
        <f t="shared" ca="1" si="32"/>
        <v/>
      </c>
      <c r="AG28" s="1" t="str">
        <f t="shared" ca="1" si="33"/>
        <v/>
      </c>
    </row>
    <row r="29" spans="1:33" x14ac:dyDescent="0.25">
      <c r="A29" s="1">
        <v>24</v>
      </c>
      <c r="B29" s="1">
        <f t="shared" ca="1" si="3"/>
        <v>0</v>
      </c>
      <c r="D29" s="1" t="str">
        <f t="shared" ca="1" si="4"/>
        <v>T</v>
      </c>
      <c r="E29" s="1" t="str">
        <f t="shared" ca="1" si="5"/>
        <v>T</v>
      </c>
      <c r="F29" s="1" t="str">
        <f t="shared" ca="1" si="6"/>
        <v>T</v>
      </c>
      <c r="G29" s="1" t="str">
        <f t="shared" ca="1" si="7"/>
        <v>T</v>
      </c>
      <c r="H29" s="1" t="str">
        <f t="shared" ca="1" si="8"/>
        <v>T</v>
      </c>
      <c r="I29" s="1" t="str">
        <f t="shared" ca="1" si="9"/>
        <v>T</v>
      </c>
      <c r="J29" s="1" t="str">
        <f t="shared" ca="1" si="10"/>
        <v/>
      </c>
      <c r="K29" s="1" t="str">
        <f t="shared" ca="1" si="11"/>
        <v/>
      </c>
      <c r="L29" s="1" t="str">
        <f t="shared" ca="1" si="12"/>
        <v/>
      </c>
      <c r="M29" s="1" t="str">
        <f t="shared" ca="1" si="13"/>
        <v/>
      </c>
      <c r="N29" s="1" t="str">
        <f t="shared" ca="1" si="14"/>
        <v/>
      </c>
      <c r="O29" s="1" t="str">
        <f t="shared" ca="1" si="15"/>
        <v/>
      </c>
      <c r="P29" s="1" t="str">
        <f t="shared" ca="1" si="16"/>
        <v/>
      </c>
      <c r="Q29" s="1" t="str">
        <f t="shared" ca="1" si="17"/>
        <v/>
      </c>
      <c r="R29" s="1" t="str">
        <f t="shared" ca="1" si="18"/>
        <v/>
      </c>
      <c r="S29" s="1" t="str">
        <f t="shared" ca="1" si="19"/>
        <v/>
      </c>
      <c r="T29" s="1" t="str">
        <f t="shared" ca="1" si="20"/>
        <v/>
      </c>
      <c r="U29" s="1" t="str">
        <f t="shared" ca="1" si="21"/>
        <v/>
      </c>
      <c r="V29" s="1" t="str">
        <f t="shared" ca="1" si="22"/>
        <v/>
      </c>
      <c r="W29" s="1" t="str">
        <f t="shared" ca="1" si="23"/>
        <v/>
      </c>
      <c r="X29" s="1" t="str">
        <f t="shared" ca="1" si="24"/>
        <v/>
      </c>
      <c r="Y29" s="1" t="str">
        <f t="shared" ca="1" si="25"/>
        <v/>
      </c>
      <c r="Z29" s="1" t="str">
        <f t="shared" ca="1" si="26"/>
        <v/>
      </c>
      <c r="AA29" s="1" t="str">
        <f t="shared" ca="1" si="27"/>
        <v/>
      </c>
      <c r="AB29" s="1" t="str">
        <f t="shared" ca="1" si="28"/>
        <v/>
      </c>
      <c r="AC29" s="1" t="str">
        <f t="shared" ca="1" si="29"/>
        <v/>
      </c>
      <c r="AD29" s="1" t="str">
        <f t="shared" ca="1" si="30"/>
        <v/>
      </c>
      <c r="AE29" s="1" t="str">
        <f t="shared" ca="1" si="31"/>
        <v/>
      </c>
      <c r="AF29" s="1" t="str">
        <f t="shared" ca="1" si="32"/>
        <v/>
      </c>
      <c r="AG29" s="1" t="str">
        <f t="shared" ca="1" si="33"/>
        <v/>
      </c>
    </row>
    <row r="30" spans="1:33" x14ac:dyDescent="0.25">
      <c r="A30" s="1">
        <v>25</v>
      </c>
      <c r="B30" s="1">
        <f t="shared" ca="1" si="3"/>
        <v>0</v>
      </c>
      <c r="D30" s="1" t="str">
        <f t="shared" ca="1" si="4"/>
        <v>T</v>
      </c>
      <c r="E30" s="1" t="str">
        <f t="shared" ca="1" si="5"/>
        <v>T</v>
      </c>
      <c r="F30" s="1" t="str">
        <f t="shared" ca="1" si="6"/>
        <v>T</v>
      </c>
      <c r="G30" s="1" t="str">
        <f t="shared" ca="1" si="7"/>
        <v>T</v>
      </c>
      <c r="H30" s="1" t="str">
        <f t="shared" ca="1" si="8"/>
        <v>T</v>
      </c>
      <c r="I30" s="1" t="str">
        <f t="shared" ca="1" si="9"/>
        <v>T</v>
      </c>
      <c r="J30" s="1" t="str">
        <f t="shared" ca="1" si="10"/>
        <v/>
      </c>
      <c r="K30" s="1" t="str">
        <f t="shared" ca="1" si="11"/>
        <v/>
      </c>
      <c r="L30" s="1" t="str">
        <f t="shared" ca="1" si="12"/>
        <v/>
      </c>
      <c r="M30" s="1" t="str">
        <f t="shared" ca="1" si="13"/>
        <v/>
      </c>
      <c r="N30" s="1" t="str">
        <f t="shared" ca="1" si="14"/>
        <v/>
      </c>
      <c r="O30" s="1" t="str">
        <f t="shared" ca="1" si="15"/>
        <v/>
      </c>
      <c r="P30" s="1" t="str">
        <f t="shared" ca="1" si="16"/>
        <v/>
      </c>
      <c r="Q30" s="1" t="str">
        <f t="shared" ca="1" si="17"/>
        <v/>
      </c>
      <c r="R30" s="1" t="str">
        <f t="shared" ca="1" si="18"/>
        <v/>
      </c>
      <c r="S30" s="1" t="str">
        <f t="shared" ca="1" si="19"/>
        <v/>
      </c>
      <c r="T30" s="1" t="str">
        <f t="shared" ca="1" si="20"/>
        <v/>
      </c>
      <c r="U30" s="1" t="str">
        <f t="shared" ca="1" si="21"/>
        <v/>
      </c>
      <c r="V30" s="1" t="str">
        <f t="shared" ca="1" si="22"/>
        <v/>
      </c>
      <c r="W30" s="1" t="str">
        <f t="shared" ca="1" si="23"/>
        <v/>
      </c>
      <c r="X30" s="1" t="str">
        <f t="shared" ca="1" si="24"/>
        <v/>
      </c>
      <c r="Y30" s="1" t="str">
        <f t="shared" ca="1" si="25"/>
        <v/>
      </c>
      <c r="Z30" s="1" t="str">
        <f t="shared" ca="1" si="26"/>
        <v/>
      </c>
      <c r="AA30" s="1" t="str">
        <f t="shared" ca="1" si="27"/>
        <v/>
      </c>
      <c r="AB30" s="1" t="str">
        <f t="shared" ca="1" si="28"/>
        <v/>
      </c>
      <c r="AC30" s="1" t="str">
        <f t="shared" ca="1" si="29"/>
        <v/>
      </c>
      <c r="AD30" s="1" t="str">
        <f t="shared" ca="1" si="30"/>
        <v/>
      </c>
      <c r="AE30" s="1" t="str">
        <f t="shared" ca="1" si="31"/>
        <v/>
      </c>
      <c r="AF30" s="1" t="str">
        <f t="shared" ca="1" si="32"/>
        <v/>
      </c>
      <c r="AG30" s="1" t="str">
        <f t="shared" ca="1" si="33"/>
        <v/>
      </c>
    </row>
    <row r="31" spans="1:33" x14ac:dyDescent="0.25">
      <c r="A31" s="1">
        <v>26</v>
      </c>
      <c r="B31" s="1">
        <f t="shared" ca="1" si="3"/>
        <v>0</v>
      </c>
      <c r="D31" s="1" t="str">
        <f t="shared" ca="1" si="4"/>
        <v>T</v>
      </c>
      <c r="E31" s="1" t="str">
        <f t="shared" ca="1" si="5"/>
        <v>T</v>
      </c>
      <c r="F31" s="1" t="str">
        <f t="shared" ca="1" si="6"/>
        <v>T</v>
      </c>
      <c r="G31" s="1" t="str">
        <f t="shared" ca="1" si="7"/>
        <v>T</v>
      </c>
      <c r="H31" s="1" t="str">
        <f t="shared" ca="1" si="8"/>
        <v>T</v>
      </c>
      <c r="I31" s="1" t="str">
        <f t="shared" ca="1" si="9"/>
        <v>T</v>
      </c>
      <c r="J31" s="1" t="str">
        <f t="shared" ca="1" si="10"/>
        <v/>
      </c>
      <c r="K31" s="1" t="str">
        <f t="shared" ca="1" si="11"/>
        <v/>
      </c>
      <c r="L31" s="1" t="str">
        <f t="shared" ca="1" si="12"/>
        <v/>
      </c>
      <c r="M31" s="1" t="str">
        <f t="shared" ca="1" si="13"/>
        <v/>
      </c>
      <c r="N31" s="1" t="str">
        <f t="shared" ca="1" si="14"/>
        <v/>
      </c>
      <c r="O31" s="1" t="str">
        <f t="shared" ca="1" si="15"/>
        <v/>
      </c>
      <c r="P31" s="1" t="str">
        <f t="shared" ca="1" si="16"/>
        <v/>
      </c>
      <c r="Q31" s="1" t="str">
        <f t="shared" ca="1" si="17"/>
        <v/>
      </c>
      <c r="R31" s="1" t="str">
        <f t="shared" ca="1" si="18"/>
        <v/>
      </c>
      <c r="S31" s="1" t="str">
        <f t="shared" ca="1" si="19"/>
        <v/>
      </c>
      <c r="T31" s="1" t="str">
        <f t="shared" ca="1" si="20"/>
        <v/>
      </c>
      <c r="U31" s="1" t="str">
        <f t="shared" ca="1" si="21"/>
        <v/>
      </c>
      <c r="V31" s="1" t="str">
        <f t="shared" ca="1" si="22"/>
        <v/>
      </c>
      <c r="W31" s="1" t="str">
        <f t="shared" ca="1" si="23"/>
        <v/>
      </c>
      <c r="X31" s="1" t="str">
        <f t="shared" ca="1" si="24"/>
        <v/>
      </c>
      <c r="Y31" s="1" t="str">
        <f t="shared" ca="1" si="25"/>
        <v/>
      </c>
      <c r="Z31" s="1" t="str">
        <f t="shared" ca="1" si="26"/>
        <v/>
      </c>
      <c r="AA31" s="1" t="str">
        <f t="shared" ca="1" si="27"/>
        <v/>
      </c>
      <c r="AB31" s="1" t="str">
        <f t="shared" ca="1" si="28"/>
        <v/>
      </c>
      <c r="AC31" s="1" t="str">
        <f t="shared" ca="1" si="29"/>
        <v/>
      </c>
      <c r="AD31" s="1" t="str">
        <f t="shared" ca="1" si="30"/>
        <v/>
      </c>
      <c r="AE31" s="1" t="str">
        <f t="shared" ca="1" si="31"/>
        <v/>
      </c>
      <c r="AF31" s="1" t="str">
        <f t="shared" ca="1" si="32"/>
        <v/>
      </c>
      <c r="AG31" s="1" t="str">
        <f t="shared" ca="1" si="33"/>
        <v/>
      </c>
    </row>
    <row r="32" spans="1:33" x14ac:dyDescent="0.25">
      <c r="A32" s="1">
        <v>27</v>
      </c>
      <c r="B32" s="1">
        <f t="shared" ca="1" si="3"/>
        <v>0</v>
      </c>
      <c r="D32" s="1" t="str">
        <f t="shared" ca="1" si="4"/>
        <v>T</v>
      </c>
      <c r="E32" s="1" t="str">
        <f t="shared" ca="1" si="5"/>
        <v>T</v>
      </c>
      <c r="F32" s="1" t="str">
        <f t="shared" ca="1" si="6"/>
        <v>T</v>
      </c>
      <c r="G32" s="1" t="str">
        <f t="shared" ca="1" si="7"/>
        <v>T</v>
      </c>
      <c r="H32" s="1" t="str">
        <f t="shared" ca="1" si="8"/>
        <v>T</v>
      </c>
      <c r="I32" s="1" t="str">
        <f t="shared" ca="1" si="9"/>
        <v>T</v>
      </c>
      <c r="J32" s="1" t="str">
        <f t="shared" ca="1" si="10"/>
        <v/>
      </c>
      <c r="K32" s="1" t="str">
        <f t="shared" ca="1" si="11"/>
        <v/>
      </c>
      <c r="L32" s="1" t="str">
        <f t="shared" ca="1" si="12"/>
        <v/>
      </c>
      <c r="M32" s="1" t="str">
        <f t="shared" ca="1" si="13"/>
        <v/>
      </c>
      <c r="N32" s="1" t="str">
        <f t="shared" ca="1" si="14"/>
        <v/>
      </c>
      <c r="O32" s="1" t="str">
        <f t="shared" ca="1" si="15"/>
        <v/>
      </c>
      <c r="P32" s="1" t="str">
        <f t="shared" ca="1" si="16"/>
        <v/>
      </c>
      <c r="Q32" s="1" t="str">
        <f t="shared" ca="1" si="17"/>
        <v/>
      </c>
      <c r="R32" s="1" t="str">
        <f t="shared" ca="1" si="18"/>
        <v/>
      </c>
      <c r="S32" s="1" t="str">
        <f t="shared" ca="1" si="19"/>
        <v/>
      </c>
      <c r="T32" s="1" t="str">
        <f t="shared" ca="1" si="20"/>
        <v/>
      </c>
      <c r="U32" s="1" t="str">
        <f t="shared" ca="1" si="21"/>
        <v/>
      </c>
      <c r="V32" s="1" t="str">
        <f t="shared" ca="1" si="22"/>
        <v/>
      </c>
      <c r="W32" s="1" t="str">
        <f t="shared" ca="1" si="23"/>
        <v/>
      </c>
      <c r="X32" s="1" t="str">
        <f t="shared" ca="1" si="24"/>
        <v/>
      </c>
      <c r="Y32" s="1" t="str">
        <f t="shared" ca="1" si="25"/>
        <v/>
      </c>
      <c r="Z32" s="1" t="str">
        <f t="shared" ca="1" si="26"/>
        <v/>
      </c>
      <c r="AA32" s="1" t="str">
        <f t="shared" ca="1" si="27"/>
        <v/>
      </c>
      <c r="AB32" s="1" t="str">
        <f t="shared" ca="1" si="28"/>
        <v/>
      </c>
      <c r="AC32" s="1" t="str">
        <f t="shared" ca="1" si="29"/>
        <v/>
      </c>
      <c r="AD32" s="1" t="str">
        <f t="shared" ca="1" si="30"/>
        <v/>
      </c>
      <c r="AE32" s="1" t="str">
        <f t="shared" ca="1" si="31"/>
        <v/>
      </c>
      <c r="AF32" s="1" t="str">
        <f t="shared" ca="1" si="32"/>
        <v/>
      </c>
      <c r="AG32" s="1" t="str">
        <f t="shared" ca="1" si="33"/>
        <v/>
      </c>
    </row>
    <row r="33" spans="1:33" x14ac:dyDescent="0.25">
      <c r="A33" s="1">
        <v>28</v>
      </c>
      <c r="B33" s="1">
        <f t="shared" ca="1" si="3"/>
        <v>0</v>
      </c>
      <c r="D33" s="1" t="str">
        <f t="shared" ca="1" si="4"/>
        <v>T</v>
      </c>
      <c r="E33" s="1" t="str">
        <f t="shared" ca="1" si="5"/>
        <v>T</v>
      </c>
      <c r="F33" s="1" t="str">
        <f t="shared" ca="1" si="6"/>
        <v>T</v>
      </c>
      <c r="G33" s="1" t="str">
        <f t="shared" ca="1" si="7"/>
        <v>T</v>
      </c>
      <c r="H33" s="1" t="str">
        <f t="shared" ca="1" si="8"/>
        <v>T</v>
      </c>
      <c r="I33" s="1" t="str">
        <f t="shared" ca="1" si="9"/>
        <v>T</v>
      </c>
      <c r="J33" s="1" t="str">
        <f t="shared" ca="1" si="10"/>
        <v/>
      </c>
      <c r="K33" s="1" t="str">
        <f t="shared" ca="1" si="11"/>
        <v/>
      </c>
      <c r="L33" s="1" t="str">
        <f t="shared" ca="1" si="12"/>
        <v/>
      </c>
      <c r="M33" s="1" t="str">
        <f t="shared" ca="1" si="13"/>
        <v/>
      </c>
      <c r="N33" s="1" t="str">
        <f t="shared" ca="1" si="14"/>
        <v/>
      </c>
      <c r="O33" s="1" t="str">
        <f t="shared" ca="1" si="15"/>
        <v/>
      </c>
      <c r="P33" s="1" t="str">
        <f t="shared" ca="1" si="16"/>
        <v/>
      </c>
      <c r="Q33" s="1" t="str">
        <f t="shared" ca="1" si="17"/>
        <v/>
      </c>
      <c r="R33" s="1" t="str">
        <f t="shared" ca="1" si="18"/>
        <v/>
      </c>
      <c r="S33" s="1" t="str">
        <f t="shared" ca="1" si="19"/>
        <v/>
      </c>
      <c r="T33" s="1" t="str">
        <f t="shared" ca="1" si="20"/>
        <v/>
      </c>
      <c r="U33" s="1" t="str">
        <f t="shared" ca="1" si="21"/>
        <v/>
      </c>
      <c r="V33" s="1" t="str">
        <f t="shared" ca="1" si="22"/>
        <v/>
      </c>
      <c r="W33" s="1" t="str">
        <f t="shared" ca="1" si="23"/>
        <v/>
      </c>
      <c r="X33" s="1" t="str">
        <f t="shared" ca="1" si="24"/>
        <v/>
      </c>
      <c r="Y33" s="1" t="str">
        <f t="shared" ca="1" si="25"/>
        <v/>
      </c>
      <c r="Z33" s="1" t="str">
        <f t="shared" ca="1" si="26"/>
        <v/>
      </c>
      <c r="AA33" s="1" t="str">
        <f t="shared" ca="1" si="27"/>
        <v/>
      </c>
      <c r="AB33" s="1" t="str">
        <f t="shared" ca="1" si="28"/>
        <v/>
      </c>
      <c r="AC33" s="1" t="str">
        <f t="shared" ca="1" si="29"/>
        <v/>
      </c>
      <c r="AD33" s="1" t="str">
        <f t="shared" ca="1" si="30"/>
        <v/>
      </c>
      <c r="AE33" s="1" t="str">
        <f t="shared" ca="1" si="31"/>
        <v/>
      </c>
      <c r="AF33" s="1" t="str">
        <f t="shared" ca="1" si="32"/>
        <v/>
      </c>
      <c r="AG33" s="1" t="str">
        <f t="shared" ca="1" si="33"/>
        <v/>
      </c>
    </row>
    <row r="34" spans="1:33" x14ac:dyDescent="0.25">
      <c r="A34" s="1">
        <v>29</v>
      </c>
      <c r="B34" s="1">
        <f t="shared" ca="1" si="3"/>
        <v>0</v>
      </c>
      <c r="D34" s="1" t="str">
        <f t="shared" ca="1" si="4"/>
        <v>T</v>
      </c>
      <c r="E34" s="1" t="str">
        <f t="shared" ca="1" si="5"/>
        <v>T</v>
      </c>
      <c r="F34" s="1" t="str">
        <f t="shared" ca="1" si="6"/>
        <v>T</v>
      </c>
      <c r="G34" s="1" t="str">
        <f t="shared" ca="1" si="7"/>
        <v>T</v>
      </c>
      <c r="H34" s="1" t="str">
        <f t="shared" ca="1" si="8"/>
        <v>T</v>
      </c>
      <c r="I34" s="1" t="str">
        <f t="shared" ca="1" si="9"/>
        <v>T</v>
      </c>
      <c r="J34" s="1" t="str">
        <f t="shared" ca="1" si="10"/>
        <v/>
      </c>
      <c r="K34" s="1" t="str">
        <f t="shared" ca="1" si="11"/>
        <v/>
      </c>
      <c r="L34" s="1" t="str">
        <f t="shared" ca="1" si="12"/>
        <v/>
      </c>
      <c r="M34" s="1" t="str">
        <f t="shared" ca="1" si="13"/>
        <v/>
      </c>
      <c r="N34" s="1" t="str">
        <f t="shared" ca="1" si="14"/>
        <v/>
      </c>
      <c r="O34" s="1" t="str">
        <f t="shared" ca="1" si="15"/>
        <v/>
      </c>
      <c r="P34" s="1" t="str">
        <f t="shared" ca="1" si="16"/>
        <v/>
      </c>
      <c r="Q34" s="1" t="str">
        <f t="shared" ca="1" si="17"/>
        <v/>
      </c>
      <c r="R34" s="1" t="str">
        <f t="shared" ca="1" si="18"/>
        <v/>
      </c>
      <c r="S34" s="1" t="str">
        <f t="shared" ca="1" si="19"/>
        <v/>
      </c>
      <c r="T34" s="1" t="str">
        <f t="shared" ca="1" si="20"/>
        <v/>
      </c>
      <c r="U34" s="1" t="str">
        <f t="shared" ca="1" si="21"/>
        <v/>
      </c>
      <c r="V34" s="1" t="str">
        <f t="shared" ca="1" si="22"/>
        <v/>
      </c>
      <c r="W34" s="1" t="str">
        <f t="shared" ca="1" si="23"/>
        <v/>
      </c>
      <c r="X34" s="1" t="str">
        <f t="shared" ca="1" si="24"/>
        <v/>
      </c>
      <c r="Y34" s="1" t="str">
        <f t="shared" ca="1" si="25"/>
        <v/>
      </c>
      <c r="Z34" s="1" t="str">
        <f t="shared" ca="1" si="26"/>
        <v/>
      </c>
      <c r="AA34" s="1" t="str">
        <f t="shared" ca="1" si="27"/>
        <v/>
      </c>
      <c r="AB34" s="1" t="str">
        <f t="shared" ca="1" si="28"/>
        <v/>
      </c>
      <c r="AC34" s="1" t="str">
        <f t="shared" ca="1" si="29"/>
        <v/>
      </c>
      <c r="AD34" s="1" t="str">
        <f t="shared" ca="1" si="30"/>
        <v/>
      </c>
      <c r="AE34" s="1" t="str">
        <f t="shared" ca="1" si="31"/>
        <v/>
      </c>
      <c r="AF34" s="1" t="str">
        <f t="shared" ca="1" si="32"/>
        <v/>
      </c>
      <c r="AG34" s="1" t="str">
        <f t="shared" ca="1" si="33"/>
        <v/>
      </c>
    </row>
    <row r="35" spans="1:33" x14ac:dyDescent="0.25">
      <c r="A35" s="1">
        <v>30</v>
      </c>
      <c r="B35" s="1">
        <f t="shared" ca="1" si="3"/>
        <v>0</v>
      </c>
      <c r="D35" s="1" t="str">
        <f t="shared" ca="1" si="4"/>
        <v>T</v>
      </c>
      <c r="E35" s="1" t="str">
        <f t="shared" ca="1" si="5"/>
        <v>T</v>
      </c>
      <c r="F35" s="1" t="str">
        <f t="shared" ca="1" si="6"/>
        <v>T</v>
      </c>
      <c r="G35" s="1" t="str">
        <f t="shared" ca="1" si="7"/>
        <v>T</v>
      </c>
      <c r="H35" s="1" t="str">
        <f t="shared" ca="1" si="8"/>
        <v>T</v>
      </c>
      <c r="I35" s="1" t="str">
        <f t="shared" ca="1" si="9"/>
        <v>T</v>
      </c>
      <c r="J35" s="1" t="str">
        <f t="shared" ca="1" si="10"/>
        <v/>
      </c>
      <c r="K35" s="1" t="str">
        <f t="shared" ca="1" si="11"/>
        <v/>
      </c>
      <c r="L35" s="1" t="str">
        <f t="shared" ca="1" si="12"/>
        <v/>
      </c>
      <c r="M35" s="1" t="str">
        <f t="shared" ca="1" si="13"/>
        <v/>
      </c>
      <c r="N35" s="1" t="str">
        <f t="shared" ca="1" si="14"/>
        <v/>
      </c>
      <c r="O35" s="1" t="str">
        <f t="shared" ca="1" si="15"/>
        <v/>
      </c>
      <c r="P35" s="1" t="str">
        <f t="shared" ca="1" si="16"/>
        <v/>
      </c>
      <c r="Q35" s="1" t="str">
        <f t="shared" ca="1" si="17"/>
        <v/>
      </c>
      <c r="R35" s="1" t="str">
        <f t="shared" ca="1" si="18"/>
        <v/>
      </c>
      <c r="S35" s="1" t="str">
        <f t="shared" ca="1" si="19"/>
        <v/>
      </c>
      <c r="T35" s="1" t="str">
        <f t="shared" ca="1" si="20"/>
        <v/>
      </c>
      <c r="U35" s="1" t="str">
        <f t="shared" ca="1" si="21"/>
        <v/>
      </c>
      <c r="V35" s="1" t="str">
        <f t="shared" ca="1" si="22"/>
        <v/>
      </c>
      <c r="W35" s="1" t="str">
        <f t="shared" ca="1" si="23"/>
        <v/>
      </c>
      <c r="X35" s="1" t="str">
        <f t="shared" ca="1" si="24"/>
        <v/>
      </c>
      <c r="Y35" s="1" t="str">
        <f t="shared" ca="1" si="25"/>
        <v/>
      </c>
      <c r="Z35" s="1" t="str">
        <f t="shared" ca="1" si="26"/>
        <v/>
      </c>
      <c r="AA35" s="1" t="str">
        <f t="shared" ca="1" si="27"/>
        <v/>
      </c>
      <c r="AB35" s="1" t="str">
        <f t="shared" ca="1" si="28"/>
        <v/>
      </c>
      <c r="AC35" s="1" t="str">
        <f t="shared" ca="1" si="29"/>
        <v/>
      </c>
      <c r="AD35" s="1" t="str">
        <f t="shared" ca="1" si="30"/>
        <v/>
      </c>
      <c r="AE35" s="1" t="str">
        <f t="shared" ca="1" si="31"/>
        <v/>
      </c>
      <c r="AF35" s="1" t="str">
        <f t="shared" ca="1" si="32"/>
        <v/>
      </c>
      <c r="AG35" s="1" t="str">
        <f t="shared" ca="1" si="33"/>
        <v/>
      </c>
    </row>
    <row r="36" spans="1:33" x14ac:dyDescent="0.25">
      <c r="A36" s="1">
        <v>31</v>
      </c>
      <c r="B36" s="1">
        <f t="shared" ca="1" si="3"/>
        <v>0</v>
      </c>
      <c r="D36" s="1" t="str">
        <f t="shared" ca="1" si="4"/>
        <v>T</v>
      </c>
      <c r="E36" s="1" t="str">
        <f t="shared" ca="1" si="5"/>
        <v>T</v>
      </c>
      <c r="F36" s="1" t="str">
        <f t="shared" ca="1" si="6"/>
        <v>T</v>
      </c>
      <c r="G36" s="1" t="str">
        <f t="shared" ca="1" si="7"/>
        <v>T</v>
      </c>
      <c r="H36" s="1" t="str">
        <f t="shared" ca="1" si="8"/>
        <v>T</v>
      </c>
      <c r="I36" s="1" t="str">
        <f t="shared" ca="1" si="9"/>
        <v>T</v>
      </c>
      <c r="J36" s="1" t="str">
        <f t="shared" ca="1" si="10"/>
        <v/>
      </c>
      <c r="K36" s="1" t="str">
        <f t="shared" ca="1" si="11"/>
        <v/>
      </c>
      <c r="L36" s="1" t="str">
        <f t="shared" ca="1" si="12"/>
        <v/>
      </c>
      <c r="M36" s="1" t="str">
        <f t="shared" ca="1" si="13"/>
        <v/>
      </c>
      <c r="N36" s="1" t="str">
        <f t="shared" ca="1" si="14"/>
        <v/>
      </c>
      <c r="O36" s="1" t="str">
        <f t="shared" ca="1" si="15"/>
        <v/>
      </c>
      <c r="P36" s="1" t="str">
        <f t="shared" ca="1" si="16"/>
        <v/>
      </c>
      <c r="Q36" s="1" t="str">
        <f t="shared" ca="1" si="17"/>
        <v/>
      </c>
      <c r="R36" s="1" t="str">
        <f t="shared" ca="1" si="18"/>
        <v/>
      </c>
      <c r="S36" s="1" t="str">
        <f t="shared" ca="1" si="19"/>
        <v/>
      </c>
      <c r="T36" s="1" t="str">
        <f t="shared" ca="1" si="20"/>
        <v/>
      </c>
      <c r="U36" s="1" t="str">
        <f t="shared" ca="1" si="21"/>
        <v/>
      </c>
      <c r="V36" s="1" t="str">
        <f t="shared" ca="1" si="22"/>
        <v/>
      </c>
      <c r="W36" s="1" t="str">
        <f t="shared" ca="1" si="23"/>
        <v/>
      </c>
      <c r="X36" s="1" t="str">
        <f t="shared" ca="1" si="24"/>
        <v/>
      </c>
      <c r="Y36" s="1" t="str">
        <f t="shared" ca="1" si="25"/>
        <v/>
      </c>
      <c r="Z36" s="1" t="str">
        <f t="shared" ca="1" si="26"/>
        <v/>
      </c>
      <c r="AA36" s="1" t="str">
        <f t="shared" ca="1" si="27"/>
        <v/>
      </c>
      <c r="AB36" s="1" t="str">
        <f t="shared" ca="1" si="28"/>
        <v/>
      </c>
      <c r="AC36" s="1" t="str">
        <f t="shared" ca="1" si="29"/>
        <v/>
      </c>
      <c r="AD36" s="1" t="str">
        <f t="shared" ca="1" si="30"/>
        <v/>
      </c>
      <c r="AE36" s="1" t="str">
        <f t="shared" ca="1" si="31"/>
        <v/>
      </c>
      <c r="AF36" s="1" t="str">
        <f t="shared" ca="1" si="32"/>
        <v/>
      </c>
      <c r="AG36" s="1" t="str">
        <f t="shared" ca="1" si="33"/>
        <v/>
      </c>
    </row>
    <row r="37" spans="1:33" x14ac:dyDescent="0.25">
      <c r="A37" s="1">
        <v>32</v>
      </c>
      <c r="B37" s="1">
        <f t="shared" ca="1" si="3"/>
        <v>0</v>
      </c>
      <c r="D37" s="1" t="str">
        <f t="shared" ca="1" si="4"/>
        <v>T</v>
      </c>
      <c r="E37" s="1" t="str">
        <f t="shared" ca="1" si="5"/>
        <v>T</v>
      </c>
      <c r="F37" s="1" t="str">
        <f t="shared" ca="1" si="6"/>
        <v>T</v>
      </c>
      <c r="G37" s="1" t="str">
        <f t="shared" ca="1" si="7"/>
        <v>T</v>
      </c>
      <c r="H37" s="1" t="str">
        <f t="shared" ca="1" si="8"/>
        <v>T</v>
      </c>
      <c r="I37" s="1" t="str">
        <f t="shared" ca="1" si="9"/>
        <v>T</v>
      </c>
      <c r="J37" s="1" t="str">
        <f t="shared" ca="1" si="10"/>
        <v/>
      </c>
      <c r="K37" s="1" t="str">
        <f t="shared" ca="1" si="11"/>
        <v/>
      </c>
      <c r="L37" s="1" t="str">
        <f t="shared" ca="1" si="12"/>
        <v/>
      </c>
      <c r="M37" s="1" t="str">
        <f t="shared" ca="1" si="13"/>
        <v/>
      </c>
      <c r="N37" s="1" t="str">
        <f t="shared" ca="1" si="14"/>
        <v/>
      </c>
      <c r="O37" s="1" t="str">
        <f t="shared" ca="1" si="15"/>
        <v/>
      </c>
      <c r="P37" s="1" t="str">
        <f t="shared" ca="1" si="16"/>
        <v/>
      </c>
      <c r="Q37" s="1" t="str">
        <f t="shared" ca="1" si="17"/>
        <v/>
      </c>
      <c r="R37" s="1" t="str">
        <f t="shared" ca="1" si="18"/>
        <v/>
      </c>
      <c r="S37" s="1" t="str">
        <f t="shared" ca="1" si="19"/>
        <v/>
      </c>
      <c r="T37" s="1" t="str">
        <f t="shared" ca="1" si="20"/>
        <v/>
      </c>
      <c r="U37" s="1" t="str">
        <f t="shared" ca="1" si="21"/>
        <v/>
      </c>
      <c r="V37" s="1" t="str">
        <f t="shared" ca="1" si="22"/>
        <v/>
      </c>
      <c r="W37" s="1" t="str">
        <f t="shared" ca="1" si="23"/>
        <v/>
      </c>
      <c r="X37" s="1" t="str">
        <f t="shared" ca="1" si="24"/>
        <v/>
      </c>
      <c r="Y37" s="1" t="str">
        <f t="shared" ca="1" si="25"/>
        <v/>
      </c>
      <c r="Z37" s="1" t="str">
        <f t="shared" ca="1" si="26"/>
        <v/>
      </c>
      <c r="AA37" s="1" t="str">
        <f t="shared" ca="1" si="27"/>
        <v/>
      </c>
      <c r="AB37" s="1" t="str">
        <f t="shared" ca="1" si="28"/>
        <v/>
      </c>
      <c r="AC37" s="1" t="str">
        <f t="shared" ca="1" si="29"/>
        <v/>
      </c>
      <c r="AD37" s="1" t="str">
        <f t="shared" ca="1" si="30"/>
        <v/>
      </c>
      <c r="AE37" s="1" t="str">
        <f t="shared" ca="1" si="31"/>
        <v/>
      </c>
      <c r="AF37" s="1" t="str">
        <f t="shared" ca="1" si="32"/>
        <v/>
      </c>
      <c r="AG37" s="1" t="str">
        <f t="shared" ca="1" si="33"/>
        <v/>
      </c>
    </row>
    <row r="38" spans="1:33" x14ac:dyDescent="0.25">
      <c r="A38" s="1">
        <v>33</v>
      </c>
      <c r="B38" s="1">
        <f t="shared" ca="1" si="3"/>
        <v>0</v>
      </c>
      <c r="D38" s="1" t="str">
        <f t="shared" ca="1" si="4"/>
        <v>T</v>
      </c>
      <c r="E38" s="1" t="str">
        <f t="shared" ca="1" si="5"/>
        <v>T</v>
      </c>
      <c r="F38" s="1" t="str">
        <f t="shared" ca="1" si="6"/>
        <v>T</v>
      </c>
      <c r="G38" s="1" t="str">
        <f t="shared" ca="1" si="7"/>
        <v>T</v>
      </c>
      <c r="H38" s="1" t="str">
        <f t="shared" ca="1" si="8"/>
        <v>T</v>
      </c>
      <c r="I38" s="1" t="str">
        <f t="shared" ca="1" si="9"/>
        <v>T</v>
      </c>
      <c r="J38" s="1" t="str">
        <f t="shared" ca="1" si="10"/>
        <v/>
      </c>
      <c r="K38" s="1" t="str">
        <f t="shared" ca="1" si="11"/>
        <v/>
      </c>
      <c r="L38" s="1" t="str">
        <f t="shared" ca="1" si="12"/>
        <v/>
      </c>
      <c r="M38" s="1" t="str">
        <f t="shared" ca="1" si="13"/>
        <v/>
      </c>
      <c r="N38" s="1" t="str">
        <f t="shared" ca="1" si="14"/>
        <v/>
      </c>
      <c r="O38" s="1" t="str">
        <f t="shared" ca="1" si="15"/>
        <v/>
      </c>
      <c r="P38" s="1" t="str">
        <f t="shared" ca="1" si="16"/>
        <v/>
      </c>
      <c r="Q38" s="1" t="str">
        <f t="shared" ca="1" si="17"/>
        <v/>
      </c>
      <c r="R38" s="1" t="str">
        <f t="shared" ca="1" si="18"/>
        <v/>
      </c>
      <c r="S38" s="1" t="str">
        <f t="shared" ca="1" si="19"/>
        <v/>
      </c>
      <c r="T38" s="1" t="str">
        <f t="shared" ca="1" si="20"/>
        <v/>
      </c>
      <c r="U38" s="1" t="str">
        <f t="shared" ca="1" si="21"/>
        <v/>
      </c>
      <c r="V38" s="1" t="str">
        <f t="shared" ca="1" si="22"/>
        <v/>
      </c>
      <c r="W38" s="1" t="str">
        <f t="shared" ca="1" si="23"/>
        <v/>
      </c>
      <c r="X38" s="1" t="str">
        <f t="shared" ca="1" si="24"/>
        <v/>
      </c>
      <c r="Y38" s="1" t="str">
        <f t="shared" ca="1" si="25"/>
        <v/>
      </c>
      <c r="Z38" s="1" t="str">
        <f t="shared" ca="1" si="26"/>
        <v/>
      </c>
      <c r="AA38" s="1" t="str">
        <f t="shared" ca="1" si="27"/>
        <v/>
      </c>
      <c r="AB38" s="1" t="str">
        <f t="shared" ca="1" si="28"/>
        <v/>
      </c>
      <c r="AC38" s="1" t="str">
        <f t="shared" ca="1" si="29"/>
        <v/>
      </c>
      <c r="AD38" s="1" t="str">
        <f t="shared" ca="1" si="30"/>
        <v/>
      </c>
      <c r="AE38" s="1" t="str">
        <f t="shared" ca="1" si="31"/>
        <v/>
      </c>
      <c r="AF38" s="1" t="str">
        <f t="shared" ca="1" si="32"/>
        <v/>
      </c>
      <c r="AG38" s="1" t="str">
        <f t="shared" ca="1" si="33"/>
        <v/>
      </c>
    </row>
    <row r="39" spans="1:33" x14ac:dyDescent="0.25">
      <c r="A39" s="1">
        <v>34</v>
      </c>
      <c r="B39" s="1">
        <f t="shared" ca="1" si="3"/>
        <v>0</v>
      </c>
      <c r="D39" s="1" t="str">
        <f t="shared" ca="1" si="4"/>
        <v>T</v>
      </c>
      <c r="E39" s="1" t="str">
        <f t="shared" ca="1" si="5"/>
        <v>T</v>
      </c>
      <c r="F39" s="1" t="str">
        <f t="shared" ca="1" si="6"/>
        <v>T</v>
      </c>
      <c r="G39" s="1" t="str">
        <f t="shared" ca="1" si="7"/>
        <v>T</v>
      </c>
      <c r="H39" s="1" t="str">
        <f t="shared" ca="1" si="8"/>
        <v>T</v>
      </c>
      <c r="I39" s="1" t="str">
        <f t="shared" ca="1" si="9"/>
        <v>T</v>
      </c>
      <c r="J39" s="1" t="str">
        <f t="shared" ca="1" si="10"/>
        <v/>
      </c>
      <c r="K39" s="1" t="str">
        <f t="shared" ca="1" si="11"/>
        <v/>
      </c>
      <c r="L39" s="1" t="str">
        <f t="shared" ca="1" si="12"/>
        <v/>
      </c>
      <c r="M39" s="1" t="str">
        <f t="shared" ca="1" si="13"/>
        <v/>
      </c>
      <c r="N39" s="1" t="str">
        <f t="shared" ca="1" si="14"/>
        <v/>
      </c>
      <c r="O39" s="1" t="str">
        <f t="shared" ca="1" si="15"/>
        <v/>
      </c>
      <c r="P39" s="1" t="str">
        <f t="shared" ca="1" si="16"/>
        <v/>
      </c>
      <c r="Q39" s="1" t="str">
        <f t="shared" ca="1" si="17"/>
        <v/>
      </c>
      <c r="R39" s="1" t="str">
        <f t="shared" ca="1" si="18"/>
        <v/>
      </c>
      <c r="S39" s="1" t="str">
        <f t="shared" ca="1" si="19"/>
        <v/>
      </c>
      <c r="T39" s="1" t="str">
        <f t="shared" ca="1" si="20"/>
        <v/>
      </c>
      <c r="U39" s="1" t="str">
        <f t="shared" ca="1" si="21"/>
        <v/>
      </c>
      <c r="V39" s="1" t="str">
        <f t="shared" ca="1" si="22"/>
        <v/>
      </c>
      <c r="W39" s="1" t="str">
        <f t="shared" ca="1" si="23"/>
        <v/>
      </c>
      <c r="X39" s="1" t="str">
        <f t="shared" ca="1" si="24"/>
        <v/>
      </c>
      <c r="Y39" s="1" t="str">
        <f t="shared" ca="1" si="25"/>
        <v/>
      </c>
      <c r="Z39" s="1" t="str">
        <f t="shared" ca="1" si="26"/>
        <v/>
      </c>
      <c r="AA39" s="1" t="str">
        <f t="shared" ca="1" si="27"/>
        <v/>
      </c>
      <c r="AB39" s="1" t="str">
        <f t="shared" ca="1" si="28"/>
        <v/>
      </c>
      <c r="AC39" s="1" t="str">
        <f t="shared" ca="1" si="29"/>
        <v/>
      </c>
      <c r="AD39" s="1" t="str">
        <f t="shared" ca="1" si="30"/>
        <v/>
      </c>
      <c r="AE39" s="1" t="str">
        <f t="shared" ca="1" si="31"/>
        <v/>
      </c>
      <c r="AF39" s="1" t="str">
        <f t="shared" ca="1" si="32"/>
        <v/>
      </c>
      <c r="AG39" s="1" t="str">
        <f t="shared" ca="1" si="33"/>
        <v/>
      </c>
    </row>
    <row r="40" spans="1:33" x14ac:dyDescent="0.25">
      <c r="A40" s="1">
        <v>35</v>
      </c>
      <c r="B40" s="1">
        <f t="shared" ca="1" si="3"/>
        <v>0</v>
      </c>
      <c r="D40" s="1" t="str">
        <f t="shared" ca="1" si="4"/>
        <v>T</v>
      </c>
      <c r="E40" s="1" t="str">
        <f t="shared" ca="1" si="5"/>
        <v>T</v>
      </c>
      <c r="F40" s="1" t="str">
        <f t="shared" ca="1" si="6"/>
        <v>T</v>
      </c>
      <c r="G40" s="1" t="str">
        <f t="shared" ca="1" si="7"/>
        <v>T</v>
      </c>
      <c r="H40" s="1" t="str">
        <f t="shared" ca="1" si="8"/>
        <v>T</v>
      </c>
      <c r="I40" s="1" t="str">
        <f t="shared" ca="1" si="9"/>
        <v>T</v>
      </c>
      <c r="J40" s="1" t="str">
        <f t="shared" ca="1" si="10"/>
        <v/>
      </c>
      <c r="K40" s="1" t="str">
        <f t="shared" ca="1" si="11"/>
        <v/>
      </c>
      <c r="L40" s="1" t="str">
        <f t="shared" ca="1" si="12"/>
        <v/>
      </c>
      <c r="M40" s="1" t="str">
        <f t="shared" ca="1" si="13"/>
        <v/>
      </c>
      <c r="N40" s="1" t="str">
        <f t="shared" ca="1" si="14"/>
        <v/>
      </c>
      <c r="O40" s="1" t="str">
        <f t="shared" ca="1" si="15"/>
        <v/>
      </c>
      <c r="P40" s="1" t="str">
        <f t="shared" ca="1" si="16"/>
        <v/>
      </c>
      <c r="Q40" s="1" t="str">
        <f t="shared" ca="1" si="17"/>
        <v/>
      </c>
      <c r="R40" s="1" t="str">
        <f t="shared" ca="1" si="18"/>
        <v/>
      </c>
      <c r="S40" s="1" t="str">
        <f t="shared" ca="1" si="19"/>
        <v/>
      </c>
      <c r="T40" s="1" t="str">
        <f t="shared" ca="1" si="20"/>
        <v/>
      </c>
      <c r="U40" s="1" t="str">
        <f t="shared" ca="1" si="21"/>
        <v/>
      </c>
      <c r="V40" s="1" t="str">
        <f t="shared" ca="1" si="22"/>
        <v/>
      </c>
      <c r="W40" s="1" t="str">
        <f t="shared" ca="1" si="23"/>
        <v/>
      </c>
      <c r="X40" s="1" t="str">
        <f t="shared" ca="1" si="24"/>
        <v/>
      </c>
      <c r="Y40" s="1" t="str">
        <f t="shared" ca="1" si="25"/>
        <v/>
      </c>
      <c r="Z40" s="1" t="str">
        <f t="shared" ca="1" si="26"/>
        <v/>
      </c>
      <c r="AA40" s="1" t="str">
        <f t="shared" ca="1" si="27"/>
        <v/>
      </c>
      <c r="AB40" s="1" t="str">
        <f t="shared" ca="1" si="28"/>
        <v/>
      </c>
      <c r="AC40" s="1" t="str">
        <f t="shared" ca="1" si="29"/>
        <v/>
      </c>
      <c r="AD40" s="1" t="str">
        <f t="shared" ca="1" si="30"/>
        <v/>
      </c>
      <c r="AE40" s="1" t="str">
        <f t="shared" ca="1" si="31"/>
        <v/>
      </c>
      <c r="AF40" s="1" t="str">
        <f t="shared" ca="1" si="32"/>
        <v/>
      </c>
      <c r="AG40" s="1" t="str">
        <f t="shared" ca="1" si="33"/>
        <v/>
      </c>
    </row>
    <row r="41" spans="1:33" x14ac:dyDescent="0.25">
      <c r="A41" s="1">
        <v>36</v>
      </c>
      <c r="B41" s="1">
        <f t="shared" ca="1" si="3"/>
        <v>0</v>
      </c>
      <c r="D41" s="1" t="str">
        <f t="shared" ca="1" si="4"/>
        <v>T</v>
      </c>
      <c r="E41" s="1" t="str">
        <f t="shared" ca="1" si="5"/>
        <v>T</v>
      </c>
      <c r="F41" s="1" t="str">
        <f t="shared" ca="1" si="6"/>
        <v>T</v>
      </c>
      <c r="G41" s="1" t="str">
        <f t="shared" ca="1" si="7"/>
        <v>T</v>
      </c>
      <c r="H41" s="1" t="str">
        <f t="shared" ca="1" si="8"/>
        <v>T</v>
      </c>
      <c r="I41" s="1" t="str">
        <f t="shared" ca="1" si="9"/>
        <v>T</v>
      </c>
      <c r="J41" s="1" t="str">
        <f t="shared" ca="1" si="10"/>
        <v/>
      </c>
      <c r="K41" s="1" t="str">
        <f t="shared" ca="1" si="11"/>
        <v/>
      </c>
      <c r="L41" s="1" t="str">
        <f t="shared" ca="1" si="12"/>
        <v/>
      </c>
      <c r="M41" s="1" t="str">
        <f t="shared" ca="1" si="13"/>
        <v/>
      </c>
      <c r="N41" s="1" t="str">
        <f t="shared" ca="1" si="14"/>
        <v/>
      </c>
      <c r="O41" s="1" t="str">
        <f t="shared" ca="1" si="15"/>
        <v/>
      </c>
      <c r="P41" s="1" t="str">
        <f t="shared" ca="1" si="16"/>
        <v/>
      </c>
      <c r="Q41" s="1" t="str">
        <f t="shared" ca="1" si="17"/>
        <v/>
      </c>
      <c r="R41" s="1" t="str">
        <f t="shared" ca="1" si="18"/>
        <v/>
      </c>
      <c r="S41" s="1" t="str">
        <f t="shared" ca="1" si="19"/>
        <v/>
      </c>
      <c r="T41" s="1" t="str">
        <f t="shared" ca="1" si="20"/>
        <v/>
      </c>
      <c r="U41" s="1" t="str">
        <f t="shared" ca="1" si="21"/>
        <v/>
      </c>
      <c r="V41" s="1" t="str">
        <f t="shared" ca="1" si="22"/>
        <v/>
      </c>
      <c r="W41" s="1" t="str">
        <f t="shared" ca="1" si="23"/>
        <v/>
      </c>
      <c r="X41" s="1" t="str">
        <f t="shared" ca="1" si="24"/>
        <v/>
      </c>
      <c r="Y41" s="1" t="str">
        <f t="shared" ca="1" si="25"/>
        <v/>
      </c>
      <c r="Z41" s="1" t="str">
        <f t="shared" ca="1" si="26"/>
        <v/>
      </c>
      <c r="AA41" s="1" t="str">
        <f t="shared" ca="1" si="27"/>
        <v/>
      </c>
      <c r="AB41" s="1" t="str">
        <f t="shared" ca="1" si="28"/>
        <v/>
      </c>
      <c r="AC41" s="1" t="str">
        <f t="shared" ca="1" si="29"/>
        <v/>
      </c>
      <c r="AD41" s="1" t="str">
        <f t="shared" ca="1" si="30"/>
        <v/>
      </c>
      <c r="AE41" s="1" t="str">
        <f t="shared" ca="1" si="31"/>
        <v/>
      </c>
      <c r="AF41" s="1" t="str">
        <f t="shared" ca="1" si="32"/>
        <v/>
      </c>
      <c r="AG41" s="1" t="str">
        <f t="shared" ca="1" si="33"/>
        <v/>
      </c>
    </row>
    <row r="42" spans="1:33" x14ac:dyDescent="0.25">
      <c r="A42" s="1">
        <v>37</v>
      </c>
      <c r="B42" s="1">
        <f t="shared" ca="1" si="3"/>
        <v>0</v>
      </c>
      <c r="D42" s="1" t="str">
        <f t="shared" ca="1" si="4"/>
        <v>T</v>
      </c>
      <c r="E42" s="1" t="str">
        <f t="shared" ca="1" si="5"/>
        <v>T</v>
      </c>
      <c r="F42" s="1" t="str">
        <f t="shared" ca="1" si="6"/>
        <v>T</v>
      </c>
      <c r="G42" s="1" t="str">
        <f t="shared" ca="1" si="7"/>
        <v>T</v>
      </c>
      <c r="H42" s="1" t="str">
        <f t="shared" ca="1" si="8"/>
        <v>T</v>
      </c>
      <c r="I42" s="1" t="str">
        <f t="shared" ca="1" si="9"/>
        <v>T</v>
      </c>
      <c r="J42" s="1" t="str">
        <f t="shared" ca="1" si="10"/>
        <v/>
      </c>
      <c r="K42" s="1" t="str">
        <f t="shared" ca="1" si="11"/>
        <v/>
      </c>
      <c r="L42" s="1" t="str">
        <f t="shared" ca="1" si="12"/>
        <v/>
      </c>
      <c r="M42" s="1" t="str">
        <f t="shared" ca="1" si="13"/>
        <v/>
      </c>
      <c r="N42" s="1" t="str">
        <f t="shared" ca="1" si="14"/>
        <v/>
      </c>
      <c r="O42" s="1" t="str">
        <f t="shared" ca="1" si="15"/>
        <v/>
      </c>
      <c r="P42" s="1" t="str">
        <f t="shared" ca="1" si="16"/>
        <v/>
      </c>
      <c r="Q42" s="1" t="str">
        <f t="shared" ca="1" si="17"/>
        <v/>
      </c>
      <c r="R42" s="1" t="str">
        <f t="shared" ca="1" si="18"/>
        <v/>
      </c>
      <c r="S42" s="1" t="str">
        <f t="shared" ca="1" si="19"/>
        <v/>
      </c>
      <c r="T42" s="1" t="str">
        <f t="shared" ca="1" si="20"/>
        <v/>
      </c>
      <c r="U42" s="1" t="str">
        <f t="shared" ca="1" si="21"/>
        <v/>
      </c>
      <c r="V42" s="1" t="str">
        <f t="shared" ca="1" si="22"/>
        <v/>
      </c>
      <c r="W42" s="1" t="str">
        <f t="shared" ca="1" si="23"/>
        <v/>
      </c>
      <c r="X42" s="1" t="str">
        <f t="shared" ca="1" si="24"/>
        <v/>
      </c>
      <c r="Y42" s="1" t="str">
        <f t="shared" ca="1" si="25"/>
        <v/>
      </c>
      <c r="Z42" s="1" t="str">
        <f t="shared" ca="1" si="26"/>
        <v/>
      </c>
      <c r="AA42" s="1" t="str">
        <f t="shared" ca="1" si="27"/>
        <v/>
      </c>
      <c r="AB42" s="1" t="str">
        <f t="shared" ca="1" si="28"/>
        <v/>
      </c>
      <c r="AC42" s="1" t="str">
        <f t="shared" ca="1" si="29"/>
        <v/>
      </c>
      <c r="AD42" s="1" t="str">
        <f t="shared" ca="1" si="30"/>
        <v/>
      </c>
      <c r="AE42" s="1" t="str">
        <f t="shared" ca="1" si="31"/>
        <v/>
      </c>
      <c r="AF42" s="1" t="str">
        <f t="shared" ca="1" si="32"/>
        <v/>
      </c>
      <c r="AG42" s="1" t="str">
        <f t="shared" ca="1" si="33"/>
        <v/>
      </c>
    </row>
    <row r="43" spans="1:33" x14ac:dyDescent="0.25">
      <c r="A43" s="1">
        <v>38</v>
      </c>
      <c r="B43" s="1">
        <f t="shared" ca="1" si="3"/>
        <v>0</v>
      </c>
      <c r="D43" s="1" t="str">
        <f t="shared" ca="1" si="4"/>
        <v>T</v>
      </c>
      <c r="E43" s="1" t="str">
        <f t="shared" ca="1" si="5"/>
        <v>T</v>
      </c>
      <c r="F43" s="1" t="str">
        <f t="shared" ca="1" si="6"/>
        <v>T</v>
      </c>
      <c r="G43" s="1" t="str">
        <f t="shared" ca="1" si="7"/>
        <v>T</v>
      </c>
      <c r="H43" s="1" t="str">
        <f t="shared" ca="1" si="8"/>
        <v>T</v>
      </c>
      <c r="I43" s="1" t="str">
        <f t="shared" ca="1" si="9"/>
        <v>T</v>
      </c>
      <c r="J43" s="1" t="str">
        <f t="shared" ca="1" si="10"/>
        <v/>
      </c>
      <c r="K43" s="1" t="str">
        <f t="shared" ca="1" si="11"/>
        <v/>
      </c>
      <c r="L43" s="1" t="str">
        <f t="shared" ca="1" si="12"/>
        <v/>
      </c>
      <c r="M43" s="1" t="str">
        <f t="shared" ca="1" si="13"/>
        <v/>
      </c>
      <c r="N43" s="1" t="str">
        <f t="shared" ca="1" si="14"/>
        <v/>
      </c>
      <c r="O43" s="1" t="str">
        <f t="shared" ca="1" si="15"/>
        <v/>
      </c>
      <c r="P43" s="1" t="str">
        <f t="shared" ca="1" si="16"/>
        <v/>
      </c>
      <c r="Q43" s="1" t="str">
        <f t="shared" ca="1" si="17"/>
        <v/>
      </c>
      <c r="R43" s="1" t="str">
        <f t="shared" ca="1" si="18"/>
        <v/>
      </c>
      <c r="S43" s="1" t="str">
        <f t="shared" ca="1" si="19"/>
        <v/>
      </c>
      <c r="T43" s="1" t="str">
        <f t="shared" ca="1" si="20"/>
        <v/>
      </c>
      <c r="U43" s="1" t="str">
        <f t="shared" ca="1" si="21"/>
        <v/>
      </c>
      <c r="V43" s="1" t="str">
        <f t="shared" ca="1" si="22"/>
        <v/>
      </c>
      <c r="W43" s="1" t="str">
        <f t="shared" ca="1" si="23"/>
        <v/>
      </c>
      <c r="X43" s="1" t="str">
        <f t="shared" ca="1" si="24"/>
        <v/>
      </c>
      <c r="Y43" s="1" t="str">
        <f t="shared" ca="1" si="25"/>
        <v/>
      </c>
      <c r="Z43" s="1" t="str">
        <f t="shared" ca="1" si="26"/>
        <v/>
      </c>
      <c r="AA43" s="1" t="str">
        <f t="shared" ca="1" si="27"/>
        <v/>
      </c>
      <c r="AB43" s="1" t="str">
        <f t="shared" ca="1" si="28"/>
        <v/>
      </c>
      <c r="AC43" s="1" t="str">
        <f t="shared" ca="1" si="29"/>
        <v/>
      </c>
      <c r="AD43" s="1" t="str">
        <f t="shared" ca="1" si="30"/>
        <v/>
      </c>
      <c r="AE43" s="1" t="str">
        <f t="shared" ca="1" si="31"/>
        <v/>
      </c>
      <c r="AF43" s="1" t="str">
        <f t="shared" ca="1" si="32"/>
        <v/>
      </c>
      <c r="AG43" s="1" t="str">
        <f t="shared" ca="1" si="33"/>
        <v/>
      </c>
    </row>
    <row r="44" spans="1:33" x14ac:dyDescent="0.25">
      <c r="A44" s="1">
        <v>39</v>
      </c>
      <c r="B44" s="1">
        <f t="shared" ca="1" si="3"/>
        <v>0</v>
      </c>
      <c r="D44" s="1" t="str">
        <f t="shared" ca="1" si="4"/>
        <v>T</v>
      </c>
      <c r="E44" s="1" t="str">
        <f t="shared" ca="1" si="5"/>
        <v>T</v>
      </c>
      <c r="F44" s="1" t="str">
        <f t="shared" ca="1" si="6"/>
        <v>T</v>
      </c>
      <c r="G44" s="1" t="str">
        <f t="shared" ca="1" si="7"/>
        <v>T</v>
      </c>
      <c r="H44" s="1" t="str">
        <f t="shared" ca="1" si="8"/>
        <v>T</v>
      </c>
      <c r="I44" s="1" t="str">
        <f t="shared" ca="1" si="9"/>
        <v>T</v>
      </c>
      <c r="J44" s="1" t="str">
        <f t="shared" ca="1" si="10"/>
        <v/>
      </c>
      <c r="K44" s="1" t="str">
        <f t="shared" ca="1" si="11"/>
        <v/>
      </c>
      <c r="L44" s="1" t="str">
        <f t="shared" ca="1" si="12"/>
        <v/>
      </c>
      <c r="M44" s="1" t="str">
        <f t="shared" ca="1" si="13"/>
        <v/>
      </c>
      <c r="N44" s="1" t="str">
        <f t="shared" ca="1" si="14"/>
        <v/>
      </c>
      <c r="O44" s="1" t="str">
        <f t="shared" ca="1" si="15"/>
        <v/>
      </c>
      <c r="P44" s="1" t="str">
        <f t="shared" ca="1" si="16"/>
        <v/>
      </c>
      <c r="Q44" s="1" t="str">
        <f t="shared" ca="1" si="17"/>
        <v/>
      </c>
      <c r="R44" s="1" t="str">
        <f t="shared" ca="1" si="18"/>
        <v/>
      </c>
      <c r="S44" s="1" t="str">
        <f t="shared" ca="1" si="19"/>
        <v/>
      </c>
      <c r="T44" s="1" t="str">
        <f t="shared" ca="1" si="20"/>
        <v/>
      </c>
      <c r="U44" s="1" t="str">
        <f t="shared" ca="1" si="21"/>
        <v/>
      </c>
      <c r="V44" s="1" t="str">
        <f t="shared" ca="1" si="22"/>
        <v/>
      </c>
      <c r="W44" s="1" t="str">
        <f t="shared" ca="1" si="23"/>
        <v/>
      </c>
      <c r="X44" s="1" t="str">
        <f t="shared" ca="1" si="24"/>
        <v/>
      </c>
      <c r="Y44" s="1" t="str">
        <f t="shared" ca="1" si="25"/>
        <v/>
      </c>
      <c r="Z44" s="1" t="str">
        <f t="shared" ca="1" si="26"/>
        <v/>
      </c>
      <c r="AA44" s="1" t="str">
        <f t="shared" ca="1" si="27"/>
        <v/>
      </c>
      <c r="AB44" s="1" t="str">
        <f t="shared" ca="1" si="28"/>
        <v/>
      </c>
      <c r="AC44" s="1" t="str">
        <f t="shared" ca="1" si="29"/>
        <v/>
      </c>
      <c r="AD44" s="1" t="str">
        <f t="shared" ca="1" si="30"/>
        <v/>
      </c>
      <c r="AE44" s="1" t="str">
        <f t="shared" ca="1" si="31"/>
        <v/>
      </c>
      <c r="AF44" s="1" t="str">
        <f t="shared" ca="1" si="32"/>
        <v/>
      </c>
      <c r="AG44" s="1" t="str">
        <f t="shared" ca="1" si="33"/>
        <v/>
      </c>
    </row>
    <row r="45" spans="1:33" x14ac:dyDescent="0.25">
      <c r="A45" s="1">
        <v>40</v>
      </c>
      <c r="B45" s="1">
        <f t="shared" ca="1" si="3"/>
        <v>0</v>
      </c>
      <c r="D45" s="1" t="str">
        <f t="shared" ca="1" si="4"/>
        <v>T</v>
      </c>
      <c r="E45" s="1" t="str">
        <f t="shared" ca="1" si="5"/>
        <v>T</v>
      </c>
      <c r="F45" s="1" t="str">
        <f t="shared" ca="1" si="6"/>
        <v>T</v>
      </c>
      <c r="G45" s="1" t="str">
        <f t="shared" ca="1" si="7"/>
        <v>T</v>
      </c>
      <c r="H45" s="1" t="str">
        <f t="shared" ca="1" si="8"/>
        <v>T</v>
      </c>
      <c r="I45" s="1" t="str">
        <f t="shared" ca="1" si="9"/>
        <v>T</v>
      </c>
      <c r="J45" s="1" t="str">
        <f t="shared" ca="1" si="10"/>
        <v/>
      </c>
      <c r="K45" s="1" t="str">
        <f t="shared" ca="1" si="11"/>
        <v/>
      </c>
      <c r="L45" s="1" t="str">
        <f t="shared" ca="1" si="12"/>
        <v/>
      </c>
      <c r="M45" s="1" t="str">
        <f t="shared" ca="1" si="13"/>
        <v/>
      </c>
      <c r="N45" s="1" t="str">
        <f t="shared" ca="1" si="14"/>
        <v/>
      </c>
      <c r="O45" s="1" t="str">
        <f t="shared" ca="1" si="15"/>
        <v/>
      </c>
      <c r="P45" s="1" t="str">
        <f t="shared" ca="1" si="16"/>
        <v/>
      </c>
      <c r="Q45" s="1" t="str">
        <f t="shared" ca="1" si="17"/>
        <v/>
      </c>
      <c r="R45" s="1" t="str">
        <f t="shared" ca="1" si="18"/>
        <v/>
      </c>
      <c r="S45" s="1" t="str">
        <f t="shared" ca="1" si="19"/>
        <v/>
      </c>
      <c r="T45" s="1" t="str">
        <f t="shared" ca="1" si="20"/>
        <v/>
      </c>
      <c r="U45" s="1" t="str">
        <f t="shared" ca="1" si="21"/>
        <v/>
      </c>
      <c r="V45" s="1" t="str">
        <f t="shared" ca="1" si="22"/>
        <v/>
      </c>
      <c r="W45" s="1" t="str">
        <f t="shared" ca="1" si="23"/>
        <v/>
      </c>
      <c r="X45" s="1" t="str">
        <f t="shared" ca="1" si="24"/>
        <v/>
      </c>
      <c r="Y45" s="1" t="str">
        <f t="shared" ca="1" si="25"/>
        <v/>
      </c>
      <c r="Z45" s="1" t="str">
        <f t="shared" ca="1" si="26"/>
        <v/>
      </c>
      <c r="AA45" s="1" t="str">
        <f t="shared" ca="1" si="27"/>
        <v/>
      </c>
      <c r="AB45" s="1" t="str">
        <f t="shared" ca="1" si="28"/>
        <v/>
      </c>
      <c r="AC45" s="1" t="str">
        <f t="shared" ca="1" si="29"/>
        <v/>
      </c>
      <c r="AD45" s="1" t="str">
        <f t="shared" ca="1" si="30"/>
        <v/>
      </c>
      <c r="AE45" s="1" t="str">
        <f t="shared" ca="1" si="31"/>
        <v/>
      </c>
      <c r="AF45" s="1" t="str">
        <f t="shared" ca="1" si="32"/>
        <v/>
      </c>
      <c r="AG45" s="1" t="str">
        <f t="shared" ca="1" si="33"/>
        <v/>
      </c>
    </row>
    <row r="46" spans="1:33" x14ac:dyDescent="0.25">
      <c r="A46" s="1">
        <v>41</v>
      </c>
      <c r="B46" s="1">
        <f t="shared" ca="1" si="3"/>
        <v>0</v>
      </c>
      <c r="D46" s="1" t="str">
        <f t="shared" ca="1" si="4"/>
        <v>T</v>
      </c>
      <c r="E46" s="1" t="str">
        <f t="shared" ca="1" si="5"/>
        <v>T</v>
      </c>
      <c r="F46" s="1" t="str">
        <f t="shared" ca="1" si="6"/>
        <v>T</v>
      </c>
      <c r="G46" s="1" t="str">
        <f t="shared" ca="1" si="7"/>
        <v>T</v>
      </c>
      <c r="H46" s="1" t="str">
        <f t="shared" ca="1" si="8"/>
        <v>T</v>
      </c>
      <c r="I46" s="1" t="str">
        <f t="shared" ca="1" si="9"/>
        <v>T</v>
      </c>
      <c r="J46" s="1" t="str">
        <f t="shared" ca="1" si="10"/>
        <v/>
      </c>
      <c r="K46" s="1" t="str">
        <f t="shared" ca="1" si="11"/>
        <v/>
      </c>
      <c r="L46" s="1" t="str">
        <f t="shared" ca="1" si="12"/>
        <v/>
      </c>
      <c r="M46" s="1" t="str">
        <f t="shared" ca="1" si="13"/>
        <v/>
      </c>
      <c r="N46" s="1" t="str">
        <f t="shared" ca="1" si="14"/>
        <v/>
      </c>
      <c r="O46" s="1" t="str">
        <f t="shared" ca="1" si="15"/>
        <v/>
      </c>
      <c r="P46" s="1" t="str">
        <f t="shared" ca="1" si="16"/>
        <v/>
      </c>
      <c r="Q46" s="1" t="str">
        <f t="shared" ca="1" si="17"/>
        <v/>
      </c>
      <c r="R46" s="1" t="str">
        <f t="shared" ca="1" si="18"/>
        <v/>
      </c>
      <c r="S46" s="1" t="str">
        <f t="shared" ca="1" si="19"/>
        <v/>
      </c>
      <c r="T46" s="1" t="str">
        <f t="shared" ca="1" si="20"/>
        <v/>
      </c>
      <c r="U46" s="1" t="str">
        <f t="shared" ca="1" si="21"/>
        <v/>
      </c>
      <c r="V46" s="1" t="str">
        <f t="shared" ca="1" si="22"/>
        <v/>
      </c>
      <c r="W46" s="1" t="str">
        <f t="shared" ca="1" si="23"/>
        <v/>
      </c>
      <c r="X46" s="1" t="str">
        <f t="shared" ca="1" si="24"/>
        <v/>
      </c>
      <c r="Y46" s="1" t="str">
        <f t="shared" ca="1" si="25"/>
        <v/>
      </c>
      <c r="Z46" s="1" t="str">
        <f t="shared" ca="1" si="26"/>
        <v/>
      </c>
      <c r="AA46" s="1" t="str">
        <f t="shared" ca="1" si="27"/>
        <v/>
      </c>
      <c r="AB46" s="1" t="str">
        <f t="shared" ca="1" si="28"/>
        <v/>
      </c>
      <c r="AC46" s="1" t="str">
        <f t="shared" ca="1" si="29"/>
        <v/>
      </c>
      <c r="AD46" s="1" t="str">
        <f t="shared" ca="1" si="30"/>
        <v/>
      </c>
      <c r="AE46" s="1" t="str">
        <f t="shared" ca="1" si="31"/>
        <v/>
      </c>
      <c r="AF46" s="1" t="str">
        <f t="shared" ca="1" si="32"/>
        <v/>
      </c>
      <c r="AG46" s="1" t="str">
        <f t="shared" ca="1" si="33"/>
        <v/>
      </c>
    </row>
    <row r="47" spans="1:33" x14ac:dyDescent="0.25">
      <c r="A47" s="1">
        <v>42</v>
      </c>
      <c r="B47" s="1">
        <f t="shared" ca="1" si="3"/>
        <v>0</v>
      </c>
      <c r="D47" s="1" t="str">
        <f t="shared" ca="1" si="4"/>
        <v>T</v>
      </c>
      <c r="E47" s="1" t="str">
        <f t="shared" ca="1" si="5"/>
        <v>T</v>
      </c>
      <c r="F47" s="1" t="str">
        <f t="shared" ca="1" si="6"/>
        <v>T</v>
      </c>
      <c r="G47" s="1" t="str">
        <f t="shared" ca="1" si="7"/>
        <v>T</v>
      </c>
      <c r="H47" s="1" t="str">
        <f t="shared" ca="1" si="8"/>
        <v>T</v>
      </c>
      <c r="I47" s="1" t="str">
        <f t="shared" ca="1" si="9"/>
        <v>T</v>
      </c>
      <c r="J47" s="1" t="str">
        <f t="shared" ca="1" si="10"/>
        <v/>
      </c>
      <c r="K47" s="1" t="str">
        <f t="shared" ca="1" si="11"/>
        <v/>
      </c>
      <c r="L47" s="1" t="str">
        <f t="shared" ca="1" si="12"/>
        <v/>
      </c>
      <c r="M47" s="1" t="str">
        <f t="shared" ca="1" si="13"/>
        <v/>
      </c>
      <c r="N47" s="1" t="str">
        <f t="shared" ca="1" si="14"/>
        <v/>
      </c>
      <c r="O47" s="1" t="str">
        <f t="shared" ca="1" si="15"/>
        <v/>
      </c>
      <c r="P47" s="1" t="str">
        <f t="shared" ca="1" si="16"/>
        <v/>
      </c>
      <c r="Q47" s="1" t="str">
        <f t="shared" ca="1" si="17"/>
        <v/>
      </c>
      <c r="R47" s="1" t="str">
        <f t="shared" ca="1" si="18"/>
        <v/>
      </c>
      <c r="S47" s="1" t="str">
        <f t="shared" ca="1" si="19"/>
        <v/>
      </c>
      <c r="T47" s="1" t="str">
        <f t="shared" ca="1" si="20"/>
        <v/>
      </c>
      <c r="U47" s="1" t="str">
        <f t="shared" ca="1" si="21"/>
        <v/>
      </c>
      <c r="V47" s="1" t="str">
        <f t="shared" ca="1" si="22"/>
        <v/>
      </c>
      <c r="W47" s="1" t="str">
        <f t="shared" ca="1" si="23"/>
        <v/>
      </c>
      <c r="X47" s="1" t="str">
        <f t="shared" ca="1" si="24"/>
        <v/>
      </c>
      <c r="Y47" s="1" t="str">
        <f t="shared" ca="1" si="25"/>
        <v/>
      </c>
      <c r="Z47" s="1" t="str">
        <f t="shared" ca="1" si="26"/>
        <v/>
      </c>
      <c r="AA47" s="1" t="str">
        <f t="shared" ca="1" si="27"/>
        <v/>
      </c>
      <c r="AB47" s="1" t="str">
        <f t="shared" ca="1" si="28"/>
        <v/>
      </c>
      <c r="AC47" s="1" t="str">
        <f t="shared" ca="1" si="29"/>
        <v/>
      </c>
      <c r="AD47" s="1" t="str">
        <f t="shared" ca="1" si="30"/>
        <v/>
      </c>
      <c r="AE47" s="1" t="str">
        <f t="shared" ca="1" si="31"/>
        <v/>
      </c>
      <c r="AF47" s="1" t="str">
        <f t="shared" ca="1" si="32"/>
        <v/>
      </c>
      <c r="AG47" s="1" t="str">
        <f t="shared" ca="1" si="33"/>
        <v/>
      </c>
    </row>
    <row r="48" spans="1:33" x14ac:dyDescent="0.25">
      <c r="A48" s="1">
        <v>43</v>
      </c>
      <c r="B48" s="1">
        <f t="shared" ca="1" si="3"/>
        <v>0</v>
      </c>
      <c r="D48" s="1" t="str">
        <f t="shared" ca="1" si="4"/>
        <v>T</v>
      </c>
      <c r="E48" s="1" t="str">
        <f t="shared" ca="1" si="5"/>
        <v>T</v>
      </c>
      <c r="F48" s="1" t="str">
        <f t="shared" ca="1" si="6"/>
        <v>T</v>
      </c>
      <c r="G48" s="1" t="str">
        <f t="shared" ca="1" si="7"/>
        <v>T</v>
      </c>
      <c r="H48" s="1" t="str">
        <f t="shared" ca="1" si="8"/>
        <v>T</v>
      </c>
      <c r="I48" s="1" t="str">
        <f t="shared" ca="1" si="9"/>
        <v>T</v>
      </c>
      <c r="J48" s="1" t="str">
        <f t="shared" ca="1" si="10"/>
        <v/>
      </c>
      <c r="K48" s="1" t="str">
        <f t="shared" ca="1" si="11"/>
        <v/>
      </c>
      <c r="L48" s="1" t="str">
        <f t="shared" ca="1" si="12"/>
        <v/>
      </c>
      <c r="M48" s="1" t="str">
        <f t="shared" ca="1" si="13"/>
        <v/>
      </c>
      <c r="N48" s="1" t="str">
        <f t="shared" ca="1" si="14"/>
        <v/>
      </c>
      <c r="O48" s="1" t="str">
        <f t="shared" ca="1" si="15"/>
        <v/>
      </c>
      <c r="P48" s="1" t="str">
        <f t="shared" ca="1" si="16"/>
        <v/>
      </c>
      <c r="Q48" s="1" t="str">
        <f t="shared" ca="1" si="17"/>
        <v/>
      </c>
      <c r="R48" s="1" t="str">
        <f t="shared" ca="1" si="18"/>
        <v/>
      </c>
      <c r="S48" s="1" t="str">
        <f t="shared" ca="1" si="19"/>
        <v/>
      </c>
      <c r="T48" s="1" t="str">
        <f t="shared" ca="1" si="20"/>
        <v/>
      </c>
      <c r="U48" s="1" t="str">
        <f t="shared" ca="1" si="21"/>
        <v/>
      </c>
      <c r="V48" s="1" t="str">
        <f t="shared" ca="1" si="22"/>
        <v/>
      </c>
      <c r="W48" s="1" t="str">
        <f t="shared" ca="1" si="23"/>
        <v/>
      </c>
      <c r="X48" s="1" t="str">
        <f t="shared" ca="1" si="24"/>
        <v/>
      </c>
      <c r="Y48" s="1" t="str">
        <f t="shared" ca="1" si="25"/>
        <v/>
      </c>
      <c r="Z48" s="1" t="str">
        <f t="shared" ca="1" si="26"/>
        <v/>
      </c>
      <c r="AA48" s="1" t="str">
        <f t="shared" ca="1" si="27"/>
        <v/>
      </c>
      <c r="AB48" s="1" t="str">
        <f t="shared" ca="1" si="28"/>
        <v/>
      </c>
      <c r="AC48" s="1" t="str">
        <f t="shared" ca="1" si="29"/>
        <v/>
      </c>
      <c r="AD48" s="1" t="str">
        <f t="shared" ca="1" si="30"/>
        <v/>
      </c>
      <c r="AE48" s="1" t="str">
        <f t="shared" ca="1" si="31"/>
        <v/>
      </c>
      <c r="AF48" s="1" t="str">
        <f t="shared" ca="1" si="32"/>
        <v/>
      </c>
      <c r="AG48" s="1" t="str">
        <f t="shared" ca="1" si="33"/>
        <v/>
      </c>
    </row>
    <row r="49" spans="1:33" x14ac:dyDescent="0.25">
      <c r="A49" s="1">
        <v>44</v>
      </c>
      <c r="B49" s="1">
        <f t="shared" ca="1" si="3"/>
        <v>0</v>
      </c>
      <c r="D49" s="1" t="str">
        <f t="shared" ca="1" si="4"/>
        <v>T</v>
      </c>
      <c r="E49" s="1" t="str">
        <f t="shared" ca="1" si="5"/>
        <v>T</v>
      </c>
      <c r="F49" s="1" t="str">
        <f t="shared" ca="1" si="6"/>
        <v>T</v>
      </c>
      <c r="G49" s="1" t="str">
        <f t="shared" ca="1" si="7"/>
        <v>T</v>
      </c>
      <c r="H49" s="1" t="str">
        <f t="shared" ca="1" si="8"/>
        <v>T</v>
      </c>
      <c r="I49" s="1" t="str">
        <f t="shared" ca="1" si="9"/>
        <v>T</v>
      </c>
      <c r="J49" s="1" t="str">
        <f t="shared" ca="1" si="10"/>
        <v/>
      </c>
      <c r="K49" s="1" t="str">
        <f t="shared" ca="1" si="11"/>
        <v/>
      </c>
      <c r="L49" s="1" t="str">
        <f t="shared" ca="1" si="12"/>
        <v/>
      </c>
      <c r="M49" s="1" t="str">
        <f t="shared" ca="1" si="13"/>
        <v/>
      </c>
      <c r="N49" s="1" t="str">
        <f t="shared" ca="1" si="14"/>
        <v/>
      </c>
      <c r="O49" s="1" t="str">
        <f t="shared" ca="1" si="15"/>
        <v/>
      </c>
      <c r="P49" s="1" t="str">
        <f t="shared" ca="1" si="16"/>
        <v/>
      </c>
      <c r="Q49" s="1" t="str">
        <f t="shared" ca="1" si="17"/>
        <v/>
      </c>
      <c r="R49" s="1" t="str">
        <f t="shared" ca="1" si="18"/>
        <v/>
      </c>
      <c r="S49" s="1" t="str">
        <f t="shared" ca="1" si="19"/>
        <v/>
      </c>
      <c r="T49" s="1" t="str">
        <f t="shared" ca="1" si="20"/>
        <v/>
      </c>
      <c r="U49" s="1" t="str">
        <f t="shared" ca="1" si="21"/>
        <v/>
      </c>
      <c r="V49" s="1" t="str">
        <f t="shared" ca="1" si="22"/>
        <v/>
      </c>
      <c r="W49" s="1" t="str">
        <f t="shared" ca="1" si="23"/>
        <v/>
      </c>
      <c r="X49" s="1" t="str">
        <f t="shared" ca="1" si="24"/>
        <v/>
      </c>
      <c r="Y49" s="1" t="str">
        <f t="shared" ca="1" si="25"/>
        <v/>
      </c>
      <c r="Z49" s="1" t="str">
        <f t="shared" ca="1" si="26"/>
        <v/>
      </c>
      <c r="AA49" s="1" t="str">
        <f t="shared" ca="1" si="27"/>
        <v/>
      </c>
      <c r="AB49" s="1" t="str">
        <f t="shared" ca="1" si="28"/>
        <v/>
      </c>
      <c r="AC49" s="1" t="str">
        <f t="shared" ca="1" si="29"/>
        <v/>
      </c>
      <c r="AD49" s="1" t="str">
        <f t="shared" ca="1" si="30"/>
        <v/>
      </c>
      <c r="AE49" s="1" t="str">
        <f t="shared" ca="1" si="31"/>
        <v/>
      </c>
      <c r="AF49" s="1" t="str">
        <f t="shared" ca="1" si="32"/>
        <v/>
      </c>
      <c r="AG49" s="1" t="str">
        <f t="shared" ca="1" si="33"/>
        <v/>
      </c>
    </row>
    <row r="50" spans="1:33" x14ac:dyDescent="0.25">
      <c r="A50" s="1">
        <v>45</v>
      </c>
      <c r="B50" s="1">
        <f t="shared" ca="1" si="3"/>
        <v>0</v>
      </c>
      <c r="D50" s="1" t="str">
        <f t="shared" ca="1" si="4"/>
        <v>T</v>
      </c>
      <c r="E50" s="1" t="str">
        <f t="shared" ca="1" si="5"/>
        <v>T</v>
      </c>
      <c r="F50" s="1" t="str">
        <f t="shared" ca="1" si="6"/>
        <v>T</v>
      </c>
      <c r="G50" s="1" t="str">
        <f t="shared" ca="1" si="7"/>
        <v>T</v>
      </c>
      <c r="H50" s="1" t="str">
        <f t="shared" ca="1" si="8"/>
        <v>T</v>
      </c>
      <c r="I50" s="1" t="str">
        <f t="shared" ca="1" si="9"/>
        <v>T</v>
      </c>
      <c r="J50" s="1" t="str">
        <f t="shared" ca="1" si="10"/>
        <v/>
      </c>
      <c r="K50" s="1" t="str">
        <f t="shared" ca="1" si="11"/>
        <v/>
      </c>
      <c r="L50" s="1" t="str">
        <f t="shared" ca="1" si="12"/>
        <v/>
      </c>
      <c r="M50" s="1" t="str">
        <f t="shared" ca="1" si="13"/>
        <v/>
      </c>
      <c r="N50" s="1" t="str">
        <f t="shared" ca="1" si="14"/>
        <v/>
      </c>
      <c r="O50" s="1" t="str">
        <f t="shared" ca="1" si="15"/>
        <v/>
      </c>
      <c r="P50" s="1" t="str">
        <f t="shared" ca="1" si="16"/>
        <v/>
      </c>
      <c r="Q50" s="1" t="str">
        <f t="shared" ca="1" si="17"/>
        <v/>
      </c>
      <c r="R50" s="1" t="str">
        <f t="shared" ca="1" si="18"/>
        <v/>
      </c>
      <c r="S50" s="1" t="str">
        <f t="shared" ca="1" si="19"/>
        <v/>
      </c>
      <c r="T50" s="1" t="str">
        <f t="shared" ca="1" si="20"/>
        <v/>
      </c>
      <c r="U50" s="1" t="str">
        <f t="shared" ca="1" si="21"/>
        <v/>
      </c>
      <c r="V50" s="1" t="str">
        <f t="shared" ca="1" si="22"/>
        <v/>
      </c>
      <c r="W50" s="1" t="str">
        <f t="shared" ca="1" si="23"/>
        <v/>
      </c>
      <c r="X50" s="1" t="str">
        <f t="shared" ca="1" si="24"/>
        <v/>
      </c>
      <c r="Y50" s="1" t="str">
        <f t="shared" ca="1" si="25"/>
        <v/>
      </c>
      <c r="Z50" s="1" t="str">
        <f t="shared" ca="1" si="26"/>
        <v/>
      </c>
      <c r="AA50" s="1" t="str">
        <f t="shared" ca="1" si="27"/>
        <v/>
      </c>
      <c r="AB50" s="1" t="str">
        <f t="shared" ca="1" si="28"/>
        <v/>
      </c>
      <c r="AC50" s="1" t="str">
        <f t="shared" ca="1" si="29"/>
        <v/>
      </c>
      <c r="AD50" s="1" t="str">
        <f t="shared" ca="1" si="30"/>
        <v/>
      </c>
      <c r="AE50" s="1" t="str">
        <f t="shared" ca="1" si="31"/>
        <v/>
      </c>
      <c r="AF50" s="1" t="str">
        <f t="shared" ca="1" si="32"/>
        <v/>
      </c>
      <c r="AG50" s="1" t="str">
        <f t="shared" ca="1" si="33"/>
        <v/>
      </c>
    </row>
    <row r="51" spans="1:33" x14ac:dyDescent="0.25">
      <c r="A51" s="1">
        <v>46</v>
      </c>
      <c r="B51" s="1">
        <f t="shared" ca="1" si="3"/>
        <v>0</v>
      </c>
      <c r="D51" s="1" t="str">
        <f t="shared" ca="1" si="4"/>
        <v>T</v>
      </c>
      <c r="E51" s="1" t="str">
        <f t="shared" ca="1" si="5"/>
        <v>T</v>
      </c>
      <c r="F51" s="1" t="str">
        <f t="shared" ca="1" si="6"/>
        <v>T</v>
      </c>
      <c r="G51" s="1" t="str">
        <f t="shared" ca="1" si="7"/>
        <v>T</v>
      </c>
      <c r="H51" s="1" t="str">
        <f t="shared" ca="1" si="8"/>
        <v>T</v>
      </c>
      <c r="I51" s="1" t="str">
        <f t="shared" ca="1" si="9"/>
        <v>T</v>
      </c>
      <c r="J51" s="1" t="str">
        <f t="shared" ca="1" si="10"/>
        <v/>
      </c>
      <c r="K51" s="1" t="str">
        <f t="shared" ca="1" si="11"/>
        <v/>
      </c>
      <c r="L51" s="1" t="str">
        <f t="shared" ca="1" si="12"/>
        <v/>
      </c>
      <c r="M51" s="1" t="str">
        <f t="shared" ca="1" si="13"/>
        <v/>
      </c>
      <c r="N51" s="1" t="str">
        <f t="shared" ca="1" si="14"/>
        <v/>
      </c>
      <c r="O51" s="1" t="str">
        <f t="shared" ca="1" si="15"/>
        <v/>
      </c>
      <c r="P51" s="1" t="str">
        <f t="shared" ca="1" si="16"/>
        <v/>
      </c>
      <c r="Q51" s="1" t="str">
        <f t="shared" ca="1" si="17"/>
        <v/>
      </c>
      <c r="R51" s="1" t="str">
        <f t="shared" ca="1" si="18"/>
        <v/>
      </c>
      <c r="S51" s="1" t="str">
        <f t="shared" ca="1" si="19"/>
        <v/>
      </c>
      <c r="T51" s="1" t="str">
        <f t="shared" ca="1" si="20"/>
        <v/>
      </c>
      <c r="U51" s="1" t="str">
        <f t="shared" ca="1" si="21"/>
        <v/>
      </c>
      <c r="V51" s="1" t="str">
        <f t="shared" ca="1" si="22"/>
        <v/>
      </c>
      <c r="W51" s="1" t="str">
        <f t="shared" ca="1" si="23"/>
        <v/>
      </c>
      <c r="X51" s="1" t="str">
        <f t="shared" ca="1" si="24"/>
        <v/>
      </c>
      <c r="Y51" s="1" t="str">
        <f t="shared" ca="1" si="25"/>
        <v/>
      </c>
      <c r="Z51" s="1" t="str">
        <f t="shared" ca="1" si="26"/>
        <v/>
      </c>
      <c r="AA51" s="1" t="str">
        <f t="shared" ca="1" si="27"/>
        <v/>
      </c>
      <c r="AB51" s="1" t="str">
        <f t="shared" ca="1" si="28"/>
        <v/>
      </c>
      <c r="AC51" s="1" t="str">
        <f t="shared" ca="1" si="29"/>
        <v/>
      </c>
      <c r="AD51" s="1" t="str">
        <f t="shared" ca="1" si="30"/>
        <v/>
      </c>
      <c r="AE51" s="1" t="str">
        <f t="shared" ca="1" si="31"/>
        <v/>
      </c>
      <c r="AF51" s="1" t="str">
        <f t="shared" ca="1" si="32"/>
        <v/>
      </c>
      <c r="AG51" s="1" t="str">
        <f t="shared" ca="1" si="33"/>
        <v/>
      </c>
    </row>
    <row r="52" spans="1:33" x14ac:dyDescent="0.25">
      <c r="A52" s="1">
        <v>47</v>
      </c>
      <c r="B52" s="1">
        <f t="shared" ca="1" si="3"/>
        <v>0</v>
      </c>
      <c r="D52" s="1" t="str">
        <f t="shared" ca="1" si="4"/>
        <v>T</v>
      </c>
      <c r="E52" s="1" t="str">
        <f t="shared" ca="1" si="5"/>
        <v>T</v>
      </c>
      <c r="F52" s="1" t="str">
        <f t="shared" ca="1" si="6"/>
        <v>T</v>
      </c>
      <c r="G52" s="1" t="str">
        <f t="shared" ca="1" si="7"/>
        <v>T</v>
      </c>
      <c r="H52" s="1" t="str">
        <f t="shared" ca="1" si="8"/>
        <v>T</v>
      </c>
      <c r="I52" s="1" t="str">
        <f t="shared" ca="1" si="9"/>
        <v>T</v>
      </c>
      <c r="J52" s="1" t="str">
        <f t="shared" ca="1" si="10"/>
        <v/>
      </c>
      <c r="K52" s="1" t="str">
        <f t="shared" ca="1" si="11"/>
        <v/>
      </c>
      <c r="L52" s="1" t="str">
        <f t="shared" ca="1" si="12"/>
        <v/>
      </c>
      <c r="M52" s="1" t="str">
        <f t="shared" ca="1" si="13"/>
        <v/>
      </c>
      <c r="N52" s="1" t="str">
        <f t="shared" ca="1" si="14"/>
        <v/>
      </c>
      <c r="O52" s="1" t="str">
        <f t="shared" ca="1" si="15"/>
        <v/>
      </c>
      <c r="P52" s="1" t="str">
        <f t="shared" ca="1" si="16"/>
        <v/>
      </c>
      <c r="Q52" s="1" t="str">
        <f t="shared" ca="1" si="17"/>
        <v/>
      </c>
      <c r="R52" s="1" t="str">
        <f t="shared" ca="1" si="18"/>
        <v/>
      </c>
      <c r="S52" s="1" t="str">
        <f t="shared" ca="1" si="19"/>
        <v/>
      </c>
      <c r="T52" s="1" t="str">
        <f t="shared" ca="1" si="20"/>
        <v/>
      </c>
      <c r="U52" s="1" t="str">
        <f t="shared" ca="1" si="21"/>
        <v/>
      </c>
      <c r="V52" s="1" t="str">
        <f t="shared" ca="1" si="22"/>
        <v/>
      </c>
      <c r="W52" s="1" t="str">
        <f t="shared" ca="1" si="23"/>
        <v/>
      </c>
      <c r="X52" s="1" t="str">
        <f t="shared" ca="1" si="24"/>
        <v/>
      </c>
      <c r="Y52" s="1" t="str">
        <f t="shared" ca="1" si="25"/>
        <v/>
      </c>
      <c r="Z52" s="1" t="str">
        <f t="shared" ca="1" si="26"/>
        <v/>
      </c>
      <c r="AA52" s="1" t="str">
        <f t="shared" ca="1" si="27"/>
        <v/>
      </c>
      <c r="AB52" s="1" t="str">
        <f t="shared" ca="1" si="28"/>
        <v/>
      </c>
      <c r="AC52" s="1" t="str">
        <f t="shared" ca="1" si="29"/>
        <v/>
      </c>
      <c r="AD52" s="1" t="str">
        <f t="shared" ca="1" si="30"/>
        <v/>
      </c>
      <c r="AE52" s="1" t="str">
        <f t="shared" ca="1" si="31"/>
        <v/>
      </c>
      <c r="AF52" s="1" t="str">
        <f t="shared" ca="1" si="32"/>
        <v/>
      </c>
      <c r="AG52" s="1" t="str">
        <f t="shared" ca="1" si="33"/>
        <v/>
      </c>
    </row>
    <row r="53" spans="1:33" x14ac:dyDescent="0.25">
      <c r="A53" s="1">
        <v>48</v>
      </c>
      <c r="B53" s="1">
        <f t="shared" ca="1" si="3"/>
        <v>0</v>
      </c>
      <c r="D53" s="1" t="str">
        <f t="shared" ca="1" si="4"/>
        <v>T</v>
      </c>
      <c r="E53" s="1" t="str">
        <f t="shared" ca="1" si="5"/>
        <v>T</v>
      </c>
      <c r="F53" s="1" t="str">
        <f t="shared" ca="1" si="6"/>
        <v>T</v>
      </c>
      <c r="G53" s="1" t="str">
        <f t="shared" ca="1" si="7"/>
        <v>T</v>
      </c>
      <c r="H53" s="1" t="str">
        <f t="shared" ca="1" si="8"/>
        <v>T</v>
      </c>
      <c r="I53" s="1" t="str">
        <f t="shared" ca="1" si="9"/>
        <v>T</v>
      </c>
      <c r="J53" s="1" t="str">
        <f t="shared" ca="1" si="10"/>
        <v/>
      </c>
      <c r="K53" s="1" t="str">
        <f t="shared" ca="1" si="11"/>
        <v/>
      </c>
      <c r="L53" s="1" t="str">
        <f t="shared" ca="1" si="12"/>
        <v/>
      </c>
      <c r="M53" s="1" t="str">
        <f t="shared" ca="1" si="13"/>
        <v/>
      </c>
      <c r="N53" s="1" t="str">
        <f t="shared" ca="1" si="14"/>
        <v/>
      </c>
      <c r="O53" s="1" t="str">
        <f t="shared" ca="1" si="15"/>
        <v/>
      </c>
      <c r="P53" s="1" t="str">
        <f t="shared" ca="1" si="16"/>
        <v/>
      </c>
      <c r="Q53" s="1" t="str">
        <f t="shared" ca="1" si="17"/>
        <v/>
      </c>
      <c r="R53" s="1" t="str">
        <f t="shared" ca="1" si="18"/>
        <v/>
      </c>
      <c r="S53" s="1" t="str">
        <f t="shared" ca="1" si="19"/>
        <v/>
      </c>
      <c r="T53" s="1" t="str">
        <f t="shared" ca="1" si="20"/>
        <v/>
      </c>
      <c r="U53" s="1" t="str">
        <f t="shared" ca="1" si="21"/>
        <v/>
      </c>
      <c r="V53" s="1" t="str">
        <f t="shared" ca="1" si="22"/>
        <v/>
      </c>
      <c r="W53" s="1" t="str">
        <f t="shared" ca="1" si="23"/>
        <v/>
      </c>
      <c r="X53" s="1" t="str">
        <f t="shared" ca="1" si="24"/>
        <v/>
      </c>
      <c r="Y53" s="1" t="str">
        <f t="shared" ca="1" si="25"/>
        <v/>
      </c>
      <c r="Z53" s="1" t="str">
        <f t="shared" ca="1" si="26"/>
        <v/>
      </c>
      <c r="AA53" s="1" t="str">
        <f t="shared" ca="1" si="27"/>
        <v/>
      </c>
      <c r="AB53" s="1" t="str">
        <f t="shared" ca="1" si="28"/>
        <v/>
      </c>
      <c r="AC53" s="1" t="str">
        <f t="shared" ca="1" si="29"/>
        <v/>
      </c>
      <c r="AD53" s="1" t="str">
        <f t="shared" ca="1" si="30"/>
        <v/>
      </c>
      <c r="AE53" s="1" t="str">
        <f t="shared" ca="1" si="31"/>
        <v/>
      </c>
      <c r="AF53" s="1" t="str">
        <f t="shared" ca="1" si="32"/>
        <v/>
      </c>
      <c r="AG53" s="1" t="str">
        <f t="shared" ca="1" si="33"/>
        <v/>
      </c>
    </row>
    <row r="54" spans="1:33" x14ac:dyDescent="0.25">
      <c r="A54" s="1">
        <v>49</v>
      </c>
      <c r="B54" s="1">
        <f t="shared" ca="1" si="3"/>
        <v>0</v>
      </c>
      <c r="D54" s="1" t="str">
        <f t="shared" ca="1" si="4"/>
        <v>T</v>
      </c>
      <c r="E54" s="1" t="str">
        <f t="shared" ca="1" si="5"/>
        <v>T</v>
      </c>
      <c r="F54" s="1" t="str">
        <f t="shared" ca="1" si="6"/>
        <v>T</v>
      </c>
      <c r="G54" s="1" t="str">
        <f t="shared" ca="1" si="7"/>
        <v>T</v>
      </c>
      <c r="H54" s="1" t="str">
        <f t="shared" ca="1" si="8"/>
        <v>T</v>
      </c>
      <c r="I54" s="1" t="str">
        <f t="shared" ca="1" si="9"/>
        <v>T</v>
      </c>
      <c r="J54" s="1" t="str">
        <f t="shared" ca="1" si="10"/>
        <v/>
      </c>
      <c r="K54" s="1" t="str">
        <f t="shared" ca="1" si="11"/>
        <v/>
      </c>
      <c r="L54" s="1" t="str">
        <f t="shared" ca="1" si="12"/>
        <v/>
      </c>
      <c r="M54" s="1" t="str">
        <f t="shared" ca="1" si="13"/>
        <v/>
      </c>
      <c r="N54" s="1" t="str">
        <f t="shared" ca="1" si="14"/>
        <v/>
      </c>
      <c r="O54" s="1" t="str">
        <f t="shared" ca="1" si="15"/>
        <v/>
      </c>
      <c r="P54" s="1" t="str">
        <f t="shared" ca="1" si="16"/>
        <v/>
      </c>
      <c r="Q54" s="1" t="str">
        <f t="shared" ca="1" si="17"/>
        <v/>
      </c>
      <c r="R54" s="1" t="str">
        <f t="shared" ca="1" si="18"/>
        <v/>
      </c>
      <c r="S54" s="1" t="str">
        <f t="shared" ca="1" si="19"/>
        <v/>
      </c>
      <c r="T54" s="1" t="str">
        <f t="shared" ca="1" si="20"/>
        <v/>
      </c>
      <c r="U54" s="1" t="str">
        <f t="shared" ca="1" si="21"/>
        <v/>
      </c>
      <c r="V54" s="1" t="str">
        <f t="shared" ca="1" si="22"/>
        <v/>
      </c>
      <c r="W54" s="1" t="str">
        <f t="shared" ca="1" si="23"/>
        <v/>
      </c>
      <c r="X54" s="1" t="str">
        <f t="shared" ca="1" si="24"/>
        <v/>
      </c>
      <c r="Y54" s="1" t="str">
        <f t="shared" ca="1" si="25"/>
        <v/>
      </c>
      <c r="Z54" s="1" t="str">
        <f t="shared" ca="1" si="26"/>
        <v/>
      </c>
      <c r="AA54" s="1" t="str">
        <f t="shared" ca="1" si="27"/>
        <v/>
      </c>
      <c r="AB54" s="1" t="str">
        <f t="shared" ca="1" si="28"/>
        <v/>
      </c>
      <c r="AC54" s="1" t="str">
        <f t="shared" ca="1" si="29"/>
        <v/>
      </c>
      <c r="AD54" s="1" t="str">
        <f t="shared" ca="1" si="30"/>
        <v/>
      </c>
      <c r="AE54" s="1" t="str">
        <f t="shared" ca="1" si="31"/>
        <v/>
      </c>
      <c r="AF54" s="1" t="str">
        <f t="shared" ca="1" si="32"/>
        <v/>
      </c>
      <c r="AG54" s="1" t="str">
        <f t="shared" ca="1" si="33"/>
        <v/>
      </c>
    </row>
    <row r="55" spans="1:33" x14ac:dyDescent="0.25">
      <c r="A55" s="1">
        <v>50</v>
      </c>
      <c r="B55" s="1">
        <f t="shared" ca="1" si="3"/>
        <v>0</v>
      </c>
      <c r="D55" s="1" t="str">
        <f t="shared" ca="1" si="4"/>
        <v>T</v>
      </c>
      <c r="E55" s="1" t="str">
        <f t="shared" ca="1" si="5"/>
        <v>T</v>
      </c>
      <c r="F55" s="1" t="str">
        <f t="shared" ca="1" si="6"/>
        <v>T</v>
      </c>
      <c r="G55" s="1" t="str">
        <f t="shared" ca="1" si="7"/>
        <v>T</v>
      </c>
      <c r="H55" s="1" t="str">
        <f t="shared" ca="1" si="8"/>
        <v>T</v>
      </c>
      <c r="I55" s="1" t="str">
        <f t="shared" ca="1" si="9"/>
        <v>T</v>
      </c>
      <c r="J55" s="1" t="str">
        <f t="shared" ca="1" si="10"/>
        <v/>
      </c>
      <c r="K55" s="1" t="str">
        <f t="shared" ca="1" si="11"/>
        <v/>
      </c>
      <c r="L55" s="1" t="str">
        <f t="shared" ca="1" si="12"/>
        <v/>
      </c>
      <c r="M55" s="1" t="str">
        <f t="shared" ca="1" si="13"/>
        <v/>
      </c>
      <c r="N55" s="1" t="str">
        <f t="shared" ca="1" si="14"/>
        <v/>
      </c>
      <c r="O55" s="1" t="str">
        <f t="shared" ca="1" si="15"/>
        <v/>
      </c>
      <c r="P55" s="1" t="str">
        <f t="shared" ca="1" si="16"/>
        <v/>
      </c>
      <c r="Q55" s="1" t="str">
        <f t="shared" ca="1" si="17"/>
        <v/>
      </c>
      <c r="R55" s="1" t="str">
        <f t="shared" ca="1" si="18"/>
        <v/>
      </c>
      <c r="S55" s="1" t="str">
        <f t="shared" ca="1" si="19"/>
        <v/>
      </c>
      <c r="T55" s="1" t="str">
        <f t="shared" ca="1" si="20"/>
        <v/>
      </c>
      <c r="U55" s="1" t="str">
        <f t="shared" ca="1" si="21"/>
        <v/>
      </c>
      <c r="V55" s="1" t="str">
        <f t="shared" ca="1" si="22"/>
        <v/>
      </c>
      <c r="W55" s="1" t="str">
        <f t="shared" ca="1" si="23"/>
        <v/>
      </c>
      <c r="X55" s="1" t="str">
        <f t="shared" ca="1" si="24"/>
        <v/>
      </c>
      <c r="Y55" s="1" t="str">
        <f t="shared" ca="1" si="25"/>
        <v/>
      </c>
      <c r="Z55" s="1" t="str">
        <f t="shared" ca="1" si="26"/>
        <v/>
      </c>
      <c r="AA55" s="1" t="str">
        <f t="shared" ca="1" si="27"/>
        <v/>
      </c>
      <c r="AB55" s="1" t="str">
        <f t="shared" ca="1" si="28"/>
        <v/>
      </c>
      <c r="AC55" s="1" t="str">
        <f t="shared" ca="1" si="29"/>
        <v/>
      </c>
      <c r="AD55" s="1" t="str">
        <f t="shared" ca="1" si="30"/>
        <v/>
      </c>
      <c r="AE55" s="1" t="str">
        <f t="shared" ca="1" si="31"/>
        <v/>
      </c>
      <c r="AF55" s="1" t="str">
        <f t="shared" ca="1" si="32"/>
        <v/>
      </c>
      <c r="AG55" s="1" t="str">
        <f t="shared" ca="1" si="33"/>
        <v/>
      </c>
    </row>
    <row r="56" spans="1:33" x14ac:dyDescent="0.25">
      <c r="A56" s="1">
        <v>51</v>
      </c>
      <c r="B56" s="1">
        <f t="shared" ca="1" si="3"/>
        <v>0</v>
      </c>
      <c r="D56" s="1" t="str">
        <f t="shared" ca="1" si="4"/>
        <v>T</v>
      </c>
      <c r="E56" s="1" t="str">
        <f t="shared" ca="1" si="5"/>
        <v>T</v>
      </c>
      <c r="F56" s="1" t="str">
        <f t="shared" ca="1" si="6"/>
        <v>T</v>
      </c>
      <c r="G56" s="1" t="str">
        <f t="shared" ca="1" si="7"/>
        <v>T</v>
      </c>
      <c r="H56" s="1" t="str">
        <f t="shared" ca="1" si="8"/>
        <v>T</v>
      </c>
      <c r="I56" s="1" t="str">
        <f t="shared" ca="1" si="9"/>
        <v>T</v>
      </c>
      <c r="J56" s="1" t="str">
        <f t="shared" ca="1" si="10"/>
        <v/>
      </c>
      <c r="K56" s="1" t="str">
        <f t="shared" ca="1" si="11"/>
        <v/>
      </c>
      <c r="L56" s="1" t="str">
        <f t="shared" ca="1" si="12"/>
        <v/>
      </c>
      <c r="M56" s="1" t="str">
        <f t="shared" ca="1" si="13"/>
        <v/>
      </c>
      <c r="N56" s="1" t="str">
        <f t="shared" ca="1" si="14"/>
        <v/>
      </c>
      <c r="O56" s="1" t="str">
        <f t="shared" ca="1" si="15"/>
        <v/>
      </c>
      <c r="P56" s="1" t="str">
        <f t="shared" ca="1" si="16"/>
        <v/>
      </c>
      <c r="Q56" s="1" t="str">
        <f t="shared" ca="1" si="17"/>
        <v/>
      </c>
      <c r="R56" s="1" t="str">
        <f t="shared" ca="1" si="18"/>
        <v/>
      </c>
      <c r="S56" s="1" t="str">
        <f t="shared" ca="1" si="19"/>
        <v/>
      </c>
      <c r="T56" s="1" t="str">
        <f t="shared" ca="1" si="20"/>
        <v/>
      </c>
      <c r="U56" s="1" t="str">
        <f t="shared" ca="1" si="21"/>
        <v/>
      </c>
      <c r="V56" s="1" t="str">
        <f t="shared" ca="1" si="22"/>
        <v/>
      </c>
      <c r="W56" s="1" t="str">
        <f t="shared" ca="1" si="23"/>
        <v/>
      </c>
      <c r="X56" s="1" t="str">
        <f t="shared" ca="1" si="24"/>
        <v/>
      </c>
      <c r="Y56" s="1" t="str">
        <f t="shared" ca="1" si="25"/>
        <v/>
      </c>
      <c r="Z56" s="1" t="str">
        <f t="shared" ca="1" si="26"/>
        <v/>
      </c>
      <c r="AA56" s="1" t="str">
        <f t="shared" ca="1" si="27"/>
        <v/>
      </c>
      <c r="AB56" s="1" t="str">
        <f t="shared" ca="1" si="28"/>
        <v/>
      </c>
      <c r="AC56" s="1" t="str">
        <f t="shared" ca="1" si="29"/>
        <v/>
      </c>
      <c r="AD56" s="1" t="str">
        <f t="shared" ca="1" si="30"/>
        <v/>
      </c>
      <c r="AE56" s="1" t="str">
        <f t="shared" ca="1" si="31"/>
        <v/>
      </c>
      <c r="AF56" s="1" t="str">
        <f t="shared" ca="1" si="32"/>
        <v/>
      </c>
      <c r="AG56" s="1" t="str">
        <f t="shared" ca="1" si="33"/>
        <v/>
      </c>
    </row>
    <row r="57" spans="1:33" x14ac:dyDescent="0.25">
      <c r="A57" s="1">
        <v>52</v>
      </c>
      <c r="B57" s="1">
        <f t="shared" ca="1" si="3"/>
        <v>0</v>
      </c>
      <c r="D57" s="1" t="str">
        <f t="shared" ca="1" si="4"/>
        <v>T</v>
      </c>
      <c r="E57" s="1" t="str">
        <f t="shared" ca="1" si="5"/>
        <v>T</v>
      </c>
      <c r="F57" s="1" t="str">
        <f t="shared" ca="1" si="6"/>
        <v>T</v>
      </c>
      <c r="G57" s="1" t="str">
        <f t="shared" ca="1" si="7"/>
        <v>T</v>
      </c>
      <c r="H57" s="1" t="str">
        <f t="shared" ca="1" si="8"/>
        <v>T</v>
      </c>
      <c r="I57" s="1" t="str">
        <f t="shared" ca="1" si="9"/>
        <v>T</v>
      </c>
      <c r="J57" s="1" t="str">
        <f t="shared" ca="1" si="10"/>
        <v/>
      </c>
      <c r="K57" s="1" t="str">
        <f t="shared" ca="1" si="11"/>
        <v/>
      </c>
      <c r="L57" s="1" t="str">
        <f t="shared" ca="1" si="12"/>
        <v/>
      </c>
      <c r="M57" s="1" t="str">
        <f t="shared" ca="1" si="13"/>
        <v/>
      </c>
      <c r="N57" s="1" t="str">
        <f t="shared" ca="1" si="14"/>
        <v/>
      </c>
      <c r="O57" s="1" t="str">
        <f t="shared" ca="1" si="15"/>
        <v/>
      </c>
      <c r="P57" s="1" t="str">
        <f t="shared" ca="1" si="16"/>
        <v/>
      </c>
      <c r="Q57" s="1" t="str">
        <f t="shared" ca="1" si="17"/>
        <v/>
      </c>
      <c r="R57" s="1" t="str">
        <f t="shared" ca="1" si="18"/>
        <v/>
      </c>
      <c r="S57" s="1" t="str">
        <f t="shared" ca="1" si="19"/>
        <v/>
      </c>
      <c r="T57" s="1" t="str">
        <f t="shared" ca="1" si="20"/>
        <v/>
      </c>
      <c r="U57" s="1" t="str">
        <f t="shared" ca="1" si="21"/>
        <v/>
      </c>
      <c r="V57" s="1" t="str">
        <f t="shared" ca="1" si="22"/>
        <v/>
      </c>
      <c r="W57" s="1" t="str">
        <f t="shared" ca="1" si="23"/>
        <v/>
      </c>
      <c r="X57" s="1" t="str">
        <f t="shared" ca="1" si="24"/>
        <v/>
      </c>
      <c r="Y57" s="1" t="str">
        <f t="shared" ca="1" si="25"/>
        <v/>
      </c>
      <c r="Z57" s="1" t="str">
        <f t="shared" ca="1" si="26"/>
        <v/>
      </c>
      <c r="AA57" s="1" t="str">
        <f t="shared" ca="1" si="27"/>
        <v/>
      </c>
      <c r="AB57" s="1" t="str">
        <f t="shared" ca="1" si="28"/>
        <v/>
      </c>
      <c r="AC57" s="1" t="str">
        <f t="shared" ca="1" si="29"/>
        <v/>
      </c>
      <c r="AD57" s="1" t="str">
        <f t="shared" ca="1" si="30"/>
        <v/>
      </c>
      <c r="AE57" s="1" t="str">
        <f t="shared" ca="1" si="31"/>
        <v/>
      </c>
      <c r="AF57" s="1" t="str">
        <f t="shared" ca="1" si="32"/>
        <v/>
      </c>
      <c r="AG57" s="1" t="str">
        <f t="shared" ca="1" si="33"/>
        <v/>
      </c>
    </row>
    <row r="58" spans="1:33" x14ac:dyDescent="0.25">
      <c r="A58" s="1">
        <v>53</v>
      </c>
      <c r="B58" s="1">
        <f t="shared" ca="1" si="3"/>
        <v>0</v>
      </c>
      <c r="D58" s="1" t="str">
        <f t="shared" ca="1" si="4"/>
        <v>T</v>
      </c>
      <c r="E58" s="1" t="str">
        <f t="shared" ca="1" si="5"/>
        <v>T</v>
      </c>
      <c r="F58" s="1" t="str">
        <f t="shared" ca="1" si="6"/>
        <v>T</v>
      </c>
      <c r="G58" s="1" t="str">
        <f t="shared" ca="1" si="7"/>
        <v>T</v>
      </c>
      <c r="H58" s="1" t="str">
        <f t="shared" ca="1" si="8"/>
        <v>T</v>
      </c>
      <c r="I58" s="1" t="str">
        <f t="shared" ca="1" si="9"/>
        <v>T</v>
      </c>
      <c r="J58" s="1" t="str">
        <f t="shared" ca="1" si="10"/>
        <v/>
      </c>
      <c r="K58" s="1" t="str">
        <f t="shared" ca="1" si="11"/>
        <v/>
      </c>
      <c r="L58" s="1" t="str">
        <f t="shared" ca="1" si="12"/>
        <v/>
      </c>
      <c r="M58" s="1" t="str">
        <f t="shared" ca="1" si="13"/>
        <v/>
      </c>
      <c r="N58" s="1" t="str">
        <f t="shared" ca="1" si="14"/>
        <v/>
      </c>
      <c r="O58" s="1" t="str">
        <f t="shared" ca="1" si="15"/>
        <v/>
      </c>
      <c r="P58" s="1" t="str">
        <f t="shared" ca="1" si="16"/>
        <v/>
      </c>
      <c r="Q58" s="1" t="str">
        <f t="shared" ca="1" si="17"/>
        <v/>
      </c>
      <c r="R58" s="1" t="str">
        <f t="shared" ca="1" si="18"/>
        <v/>
      </c>
      <c r="S58" s="1" t="str">
        <f t="shared" ca="1" si="19"/>
        <v/>
      </c>
      <c r="T58" s="1" t="str">
        <f t="shared" ca="1" si="20"/>
        <v/>
      </c>
      <c r="U58" s="1" t="str">
        <f t="shared" ca="1" si="21"/>
        <v/>
      </c>
      <c r="V58" s="1" t="str">
        <f t="shared" ca="1" si="22"/>
        <v/>
      </c>
      <c r="W58" s="1" t="str">
        <f t="shared" ca="1" si="23"/>
        <v/>
      </c>
      <c r="X58" s="1" t="str">
        <f t="shared" ca="1" si="24"/>
        <v/>
      </c>
      <c r="Y58" s="1" t="str">
        <f t="shared" ca="1" si="25"/>
        <v/>
      </c>
      <c r="Z58" s="1" t="str">
        <f t="shared" ca="1" si="26"/>
        <v/>
      </c>
      <c r="AA58" s="1" t="str">
        <f t="shared" ca="1" si="27"/>
        <v/>
      </c>
      <c r="AB58" s="1" t="str">
        <f t="shared" ca="1" si="28"/>
        <v/>
      </c>
      <c r="AC58" s="1" t="str">
        <f t="shared" ca="1" si="29"/>
        <v/>
      </c>
      <c r="AD58" s="1" t="str">
        <f t="shared" ca="1" si="30"/>
        <v/>
      </c>
      <c r="AE58" s="1" t="str">
        <f t="shared" ca="1" si="31"/>
        <v/>
      </c>
      <c r="AF58" s="1" t="str">
        <f t="shared" ca="1" si="32"/>
        <v/>
      </c>
      <c r="AG58" s="1" t="str">
        <f t="shared" ca="1" si="33"/>
        <v/>
      </c>
    </row>
    <row r="59" spans="1:33" x14ac:dyDescent="0.25">
      <c r="A59" s="1">
        <v>54</v>
      </c>
      <c r="B59" s="1">
        <f t="shared" ca="1" si="3"/>
        <v>0</v>
      </c>
      <c r="D59" s="1" t="str">
        <f t="shared" ca="1" si="4"/>
        <v>T</v>
      </c>
      <c r="E59" s="1" t="str">
        <f t="shared" ca="1" si="5"/>
        <v>T</v>
      </c>
      <c r="F59" s="1" t="str">
        <f t="shared" ca="1" si="6"/>
        <v>T</v>
      </c>
      <c r="G59" s="1" t="str">
        <f t="shared" ca="1" si="7"/>
        <v>T</v>
      </c>
      <c r="H59" s="1" t="str">
        <f t="shared" ca="1" si="8"/>
        <v>T</v>
      </c>
      <c r="I59" s="1" t="str">
        <f t="shared" ca="1" si="9"/>
        <v>T</v>
      </c>
      <c r="J59" s="1" t="str">
        <f t="shared" ca="1" si="10"/>
        <v/>
      </c>
      <c r="K59" s="1" t="str">
        <f t="shared" ca="1" si="11"/>
        <v/>
      </c>
      <c r="L59" s="1" t="str">
        <f t="shared" ca="1" si="12"/>
        <v/>
      </c>
      <c r="M59" s="1" t="str">
        <f t="shared" ca="1" si="13"/>
        <v/>
      </c>
      <c r="N59" s="1" t="str">
        <f t="shared" ca="1" si="14"/>
        <v/>
      </c>
      <c r="O59" s="1" t="str">
        <f t="shared" ca="1" si="15"/>
        <v/>
      </c>
      <c r="P59" s="1" t="str">
        <f t="shared" ca="1" si="16"/>
        <v/>
      </c>
      <c r="Q59" s="1" t="str">
        <f t="shared" ca="1" si="17"/>
        <v/>
      </c>
      <c r="R59" s="1" t="str">
        <f t="shared" ca="1" si="18"/>
        <v/>
      </c>
      <c r="S59" s="1" t="str">
        <f t="shared" ca="1" si="19"/>
        <v/>
      </c>
      <c r="T59" s="1" t="str">
        <f t="shared" ca="1" si="20"/>
        <v/>
      </c>
      <c r="U59" s="1" t="str">
        <f t="shared" ca="1" si="21"/>
        <v/>
      </c>
      <c r="V59" s="1" t="str">
        <f t="shared" ca="1" si="22"/>
        <v/>
      </c>
      <c r="W59" s="1" t="str">
        <f t="shared" ca="1" si="23"/>
        <v/>
      </c>
      <c r="X59" s="1" t="str">
        <f t="shared" ca="1" si="24"/>
        <v/>
      </c>
      <c r="Y59" s="1" t="str">
        <f t="shared" ca="1" si="25"/>
        <v/>
      </c>
      <c r="Z59" s="1" t="str">
        <f t="shared" ca="1" si="26"/>
        <v/>
      </c>
      <c r="AA59" s="1" t="str">
        <f t="shared" ca="1" si="27"/>
        <v/>
      </c>
      <c r="AB59" s="1" t="str">
        <f t="shared" ca="1" si="28"/>
        <v/>
      </c>
      <c r="AC59" s="1" t="str">
        <f t="shared" ca="1" si="29"/>
        <v/>
      </c>
      <c r="AD59" s="1" t="str">
        <f t="shared" ca="1" si="30"/>
        <v/>
      </c>
      <c r="AE59" s="1" t="str">
        <f t="shared" ca="1" si="31"/>
        <v/>
      </c>
      <c r="AF59" s="1" t="str">
        <f t="shared" ca="1" si="32"/>
        <v/>
      </c>
      <c r="AG59" s="1" t="str">
        <f t="shared" ca="1" si="33"/>
        <v/>
      </c>
    </row>
    <row r="60" spans="1:33" x14ac:dyDescent="0.25">
      <c r="A60" s="1">
        <v>55</v>
      </c>
      <c r="B60" s="1">
        <f t="shared" ca="1" si="3"/>
        <v>0</v>
      </c>
      <c r="D60" s="1" t="str">
        <f t="shared" ca="1" si="4"/>
        <v>T</v>
      </c>
      <c r="E60" s="1" t="str">
        <f t="shared" ca="1" si="5"/>
        <v>T</v>
      </c>
      <c r="F60" s="1" t="str">
        <f t="shared" ca="1" si="6"/>
        <v>T</v>
      </c>
      <c r="G60" s="1" t="str">
        <f t="shared" ca="1" si="7"/>
        <v>T</v>
      </c>
      <c r="H60" s="1" t="str">
        <f t="shared" ca="1" si="8"/>
        <v>T</v>
      </c>
      <c r="I60" s="1" t="str">
        <f t="shared" ca="1" si="9"/>
        <v>T</v>
      </c>
      <c r="J60" s="1" t="str">
        <f t="shared" ca="1" si="10"/>
        <v/>
      </c>
      <c r="K60" s="1" t="str">
        <f t="shared" ca="1" si="11"/>
        <v/>
      </c>
      <c r="L60" s="1" t="str">
        <f t="shared" ca="1" si="12"/>
        <v/>
      </c>
      <c r="M60" s="1" t="str">
        <f t="shared" ca="1" si="13"/>
        <v/>
      </c>
      <c r="N60" s="1" t="str">
        <f t="shared" ca="1" si="14"/>
        <v/>
      </c>
      <c r="O60" s="1" t="str">
        <f t="shared" ca="1" si="15"/>
        <v/>
      </c>
      <c r="P60" s="1" t="str">
        <f t="shared" ca="1" si="16"/>
        <v/>
      </c>
      <c r="Q60" s="1" t="str">
        <f t="shared" ca="1" si="17"/>
        <v/>
      </c>
      <c r="R60" s="1" t="str">
        <f t="shared" ca="1" si="18"/>
        <v/>
      </c>
      <c r="S60" s="1" t="str">
        <f t="shared" ca="1" si="19"/>
        <v/>
      </c>
      <c r="T60" s="1" t="str">
        <f t="shared" ca="1" si="20"/>
        <v/>
      </c>
      <c r="U60" s="1" t="str">
        <f t="shared" ca="1" si="21"/>
        <v/>
      </c>
      <c r="V60" s="1" t="str">
        <f t="shared" ca="1" si="22"/>
        <v/>
      </c>
      <c r="W60" s="1" t="str">
        <f t="shared" ca="1" si="23"/>
        <v/>
      </c>
      <c r="X60" s="1" t="str">
        <f t="shared" ca="1" si="24"/>
        <v/>
      </c>
      <c r="Y60" s="1" t="str">
        <f t="shared" ca="1" si="25"/>
        <v/>
      </c>
      <c r="Z60" s="1" t="str">
        <f t="shared" ca="1" si="26"/>
        <v/>
      </c>
      <c r="AA60" s="1" t="str">
        <f t="shared" ca="1" si="27"/>
        <v/>
      </c>
      <c r="AB60" s="1" t="str">
        <f t="shared" ca="1" si="28"/>
        <v/>
      </c>
      <c r="AC60" s="1" t="str">
        <f t="shared" ca="1" si="29"/>
        <v/>
      </c>
      <c r="AD60" s="1" t="str">
        <f t="shared" ca="1" si="30"/>
        <v/>
      </c>
      <c r="AE60" s="1" t="str">
        <f t="shared" ca="1" si="31"/>
        <v/>
      </c>
      <c r="AF60" s="1" t="str">
        <f t="shared" ca="1" si="32"/>
        <v/>
      </c>
      <c r="AG60" s="1" t="str">
        <f t="shared" ca="1" si="33"/>
        <v/>
      </c>
    </row>
    <row r="61" spans="1:33" x14ac:dyDescent="0.25">
      <c r="A61" s="1">
        <v>56</v>
      </c>
      <c r="B61" s="1">
        <f t="shared" ca="1" si="3"/>
        <v>0</v>
      </c>
      <c r="D61" s="1" t="str">
        <f t="shared" ca="1" si="4"/>
        <v>T</v>
      </c>
      <c r="E61" s="1" t="str">
        <f t="shared" ca="1" si="5"/>
        <v>T</v>
      </c>
      <c r="F61" s="1" t="str">
        <f t="shared" ca="1" si="6"/>
        <v>T</v>
      </c>
      <c r="G61" s="1" t="str">
        <f t="shared" ca="1" si="7"/>
        <v>T</v>
      </c>
      <c r="H61" s="1" t="str">
        <f t="shared" ca="1" si="8"/>
        <v>T</v>
      </c>
      <c r="I61" s="1" t="str">
        <f t="shared" ca="1" si="9"/>
        <v>T</v>
      </c>
      <c r="J61" s="1" t="str">
        <f t="shared" ca="1" si="10"/>
        <v/>
      </c>
      <c r="K61" s="1" t="str">
        <f t="shared" ca="1" si="11"/>
        <v/>
      </c>
      <c r="L61" s="1" t="str">
        <f t="shared" ca="1" si="12"/>
        <v/>
      </c>
      <c r="M61" s="1" t="str">
        <f t="shared" ca="1" si="13"/>
        <v/>
      </c>
      <c r="N61" s="1" t="str">
        <f t="shared" ca="1" si="14"/>
        <v/>
      </c>
      <c r="O61" s="1" t="str">
        <f t="shared" ca="1" si="15"/>
        <v/>
      </c>
      <c r="P61" s="1" t="str">
        <f t="shared" ca="1" si="16"/>
        <v/>
      </c>
      <c r="Q61" s="1" t="str">
        <f t="shared" ca="1" si="17"/>
        <v/>
      </c>
      <c r="R61" s="1" t="str">
        <f t="shared" ca="1" si="18"/>
        <v/>
      </c>
      <c r="S61" s="1" t="str">
        <f t="shared" ca="1" si="19"/>
        <v/>
      </c>
      <c r="T61" s="1" t="str">
        <f t="shared" ca="1" si="20"/>
        <v/>
      </c>
      <c r="U61" s="1" t="str">
        <f t="shared" ca="1" si="21"/>
        <v/>
      </c>
      <c r="V61" s="1" t="str">
        <f t="shared" ca="1" si="22"/>
        <v/>
      </c>
      <c r="W61" s="1" t="str">
        <f t="shared" ca="1" si="23"/>
        <v/>
      </c>
      <c r="X61" s="1" t="str">
        <f t="shared" ca="1" si="24"/>
        <v/>
      </c>
      <c r="Y61" s="1" t="str">
        <f t="shared" ca="1" si="25"/>
        <v/>
      </c>
      <c r="Z61" s="1" t="str">
        <f t="shared" ca="1" si="26"/>
        <v/>
      </c>
      <c r="AA61" s="1" t="str">
        <f t="shared" ca="1" si="27"/>
        <v/>
      </c>
      <c r="AB61" s="1" t="str">
        <f t="shared" ca="1" si="28"/>
        <v/>
      </c>
      <c r="AC61" s="1" t="str">
        <f t="shared" ca="1" si="29"/>
        <v/>
      </c>
      <c r="AD61" s="1" t="str">
        <f t="shared" ca="1" si="30"/>
        <v/>
      </c>
      <c r="AE61" s="1" t="str">
        <f t="shared" ca="1" si="31"/>
        <v/>
      </c>
      <c r="AF61" s="1" t="str">
        <f t="shared" ca="1" si="32"/>
        <v/>
      </c>
      <c r="AG61" s="1" t="str">
        <f t="shared" ca="1" si="33"/>
        <v/>
      </c>
    </row>
    <row r="62" spans="1:33" x14ac:dyDescent="0.25">
      <c r="A62" s="1">
        <v>57</v>
      </c>
      <c r="B62" s="1">
        <f t="shared" ca="1" si="3"/>
        <v>0</v>
      </c>
      <c r="D62" s="1" t="str">
        <f t="shared" ca="1" si="4"/>
        <v>T</v>
      </c>
      <c r="E62" s="1" t="str">
        <f t="shared" ca="1" si="5"/>
        <v>T</v>
      </c>
      <c r="F62" s="1" t="str">
        <f t="shared" ca="1" si="6"/>
        <v>T</v>
      </c>
      <c r="G62" s="1" t="str">
        <f t="shared" ca="1" si="7"/>
        <v>T</v>
      </c>
      <c r="H62" s="1" t="str">
        <f t="shared" ca="1" si="8"/>
        <v>T</v>
      </c>
      <c r="I62" s="1" t="str">
        <f t="shared" ca="1" si="9"/>
        <v>T</v>
      </c>
      <c r="J62" s="1" t="str">
        <f t="shared" ca="1" si="10"/>
        <v/>
      </c>
      <c r="K62" s="1" t="str">
        <f t="shared" ca="1" si="11"/>
        <v/>
      </c>
      <c r="L62" s="1" t="str">
        <f t="shared" ca="1" si="12"/>
        <v/>
      </c>
      <c r="M62" s="1" t="str">
        <f t="shared" ca="1" si="13"/>
        <v/>
      </c>
      <c r="N62" s="1" t="str">
        <f t="shared" ca="1" si="14"/>
        <v/>
      </c>
      <c r="O62" s="1" t="str">
        <f t="shared" ca="1" si="15"/>
        <v/>
      </c>
      <c r="P62" s="1" t="str">
        <f t="shared" ca="1" si="16"/>
        <v/>
      </c>
      <c r="Q62" s="1" t="str">
        <f t="shared" ca="1" si="17"/>
        <v/>
      </c>
      <c r="R62" s="1" t="str">
        <f t="shared" ca="1" si="18"/>
        <v/>
      </c>
      <c r="S62" s="1" t="str">
        <f t="shared" ca="1" si="19"/>
        <v/>
      </c>
      <c r="T62" s="1" t="str">
        <f t="shared" ca="1" si="20"/>
        <v/>
      </c>
      <c r="U62" s="1" t="str">
        <f t="shared" ca="1" si="21"/>
        <v/>
      </c>
      <c r="V62" s="1" t="str">
        <f t="shared" ca="1" si="22"/>
        <v/>
      </c>
      <c r="W62" s="1" t="str">
        <f t="shared" ca="1" si="23"/>
        <v/>
      </c>
      <c r="X62" s="1" t="str">
        <f t="shared" ca="1" si="24"/>
        <v/>
      </c>
      <c r="Y62" s="1" t="str">
        <f t="shared" ca="1" si="25"/>
        <v/>
      </c>
      <c r="Z62" s="1" t="str">
        <f t="shared" ca="1" si="26"/>
        <v/>
      </c>
      <c r="AA62" s="1" t="str">
        <f t="shared" ca="1" si="27"/>
        <v/>
      </c>
      <c r="AB62" s="1" t="str">
        <f t="shared" ca="1" si="28"/>
        <v/>
      </c>
      <c r="AC62" s="1" t="str">
        <f t="shared" ca="1" si="29"/>
        <v/>
      </c>
      <c r="AD62" s="1" t="str">
        <f t="shared" ca="1" si="30"/>
        <v/>
      </c>
      <c r="AE62" s="1" t="str">
        <f t="shared" ca="1" si="31"/>
        <v/>
      </c>
      <c r="AF62" s="1" t="str">
        <f t="shared" ca="1" si="32"/>
        <v/>
      </c>
      <c r="AG62" s="1" t="str">
        <f t="shared" ca="1" si="33"/>
        <v/>
      </c>
    </row>
    <row r="63" spans="1:33" x14ac:dyDescent="0.25">
      <c r="A63" s="1">
        <v>58</v>
      </c>
      <c r="B63" s="1">
        <f t="shared" ca="1" si="3"/>
        <v>0</v>
      </c>
      <c r="D63" s="1" t="str">
        <f t="shared" ca="1" si="4"/>
        <v>T</v>
      </c>
      <c r="E63" s="1" t="str">
        <f t="shared" ca="1" si="5"/>
        <v>T</v>
      </c>
      <c r="F63" s="1" t="str">
        <f t="shared" ca="1" si="6"/>
        <v>T</v>
      </c>
      <c r="G63" s="1" t="str">
        <f t="shared" ca="1" si="7"/>
        <v>T</v>
      </c>
      <c r="H63" s="1" t="str">
        <f t="shared" ca="1" si="8"/>
        <v>T</v>
      </c>
      <c r="I63" s="1" t="str">
        <f t="shared" ca="1" si="9"/>
        <v>T</v>
      </c>
      <c r="J63" s="1" t="str">
        <f t="shared" ca="1" si="10"/>
        <v/>
      </c>
      <c r="K63" s="1" t="str">
        <f t="shared" ca="1" si="11"/>
        <v/>
      </c>
      <c r="L63" s="1" t="str">
        <f t="shared" ca="1" si="12"/>
        <v/>
      </c>
      <c r="M63" s="1" t="str">
        <f t="shared" ca="1" si="13"/>
        <v/>
      </c>
      <c r="N63" s="1" t="str">
        <f t="shared" ca="1" si="14"/>
        <v/>
      </c>
      <c r="O63" s="1" t="str">
        <f t="shared" ca="1" si="15"/>
        <v/>
      </c>
      <c r="P63" s="1" t="str">
        <f t="shared" ca="1" si="16"/>
        <v/>
      </c>
      <c r="Q63" s="1" t="str">
        <f t="shared" ca="1" si="17"/>
        <v/>
      </c>
      <c r="R63" s="1" t="str">
        <f t="shared" ca="1" si="18"/>
        <v/>
      </c>
      <c r="S63" s="1" t="str">
        <f t="shared" ca="1" si="19"/>
        <v/>
      </c>
      <c r="T63" s="1" t="str">
        <f t="shared" ca="1" si="20"/>
        <v/>
      </c>
      <c r="U63" s="1" t="str">
        <f t="shared" ca="1" si="21"/>
        <v/>
      </c>
      <c r="V63" s="1" t="str">
        <f t="shared" ca="1" si="22"/>
        <v/>
      </c>
      <c r="W63" s="1" t="str">
        <f t="shared" ca="1" si="23"/>
        <v/>
      </c>
      <c r="X63" s="1" t="str">
        <f t="shared" ca="1" si="24"/>
        <v/>
      </c>
      <c r="Y63" s="1" t="str">
        <f t="shared" ca="1" si="25"/>
        <v/>
      </c>
      <c r="Z63" s="1" t="str">
        <f t="shared" ca="1" si="26"/>
        <v/>
      </c>
      <c r="AA63" s="1" t="str">
        <f t="shared" ca="1" si="27"/>
        <v/>
      </c>
      <c r="AB63" s="1" t="str">
        <f t="shared" ca="1" si="28"/>
        <v/>
      </c>
      <c r="AC63" s="1" t="str">
        <f t="shared" ca="1" si="29"/>
        <v/>
      </c>
      <c r="AD63" s="1" t="str">
        <f t="shared" ca="1" si="30"/>
        <v/>
      </c>
      <c r="AE63" s="1" t="str">
        <f t="shared" ca="1" si="31"/>
        <v/>
      </c>
      <c r="AF63" s="1" t="str">
        <f t="shared" ca="1" si="32"/>
        <v/>
      </c>
      <c r="AG63" s="1" t="str">
        <f t="shared" ca="1" si="33"/>
        <v/>
      </c>
    </row>
    <row r="64" spans="1:33" x14ac:dyDescent="0.25">
      <c r="A64" s="1">
        <v>59</v>
      </c>
      <c r="B64" s="1">
        <f t="shared" ca="1" si="3"/>
        <v>0</v>
      </c>
      <c r="D64" s="1" t="str">
        <f t="shared" ca="1" si="4"/>
        <v>T</v>
      </c>
      <c r="E64" s="1" t="str">
        <f t="shared" ca="1" si="5"/>
        <v>T</v>
      </c>
      <c r="F64" s="1" t="str">
        <f t="shared" ca="1" si="6"/>
        <v>T</v>
      </c>
      <c r="G64" s="1" t="str">
        <f t="shared" ca="1" si="7"/>
        <v>T</v>
      </c>
      <c r="H64" s="1" t="str">
        <f t="shared" ca="1" si="8"/>
        <v>T</v>
      </c>
      <c r="I64" s="1" t="str">
        <f t="shared" ca="1" si="9"/>
        <v>T</v>
      </c>
      <c r="J64" s="1" t="str">
        <f t="shared" ca="1" si="10"/>
        <v/>
      </c>
      <c r="K64" s="1" t="str">
        <f t="shared" ca="1" si="11"/>
        <v/>
      </c>
      <c r="L64" s="1" t="str">
        <f t="shared" ca="1" si="12"/>
        <v/>
      </c>
      <c r="M64" s="1" t="str">
        <f t="shared" ca="1" si="13"/>
        <v/>
      </c>
      <c r="N64" s="1" t="str">
        <f t="shared" ca="1" si="14"/>
        <v/>
      </c>
      <c r="O64" s="1" t="str">
        <f t="shared" ca="1" si="15"/>
        <v/>
      </c>
      <c r="P64" s="1" t="str">
        <f t="shared" ca="1" si="16"/>
        <v/>
      </c>
      <c r="Q64" s="1" t="str">
        <f t="shared" ca="1" si="17"/>
        <v/>
      </c>
      <c r="R64" s="1" t="str">
        <f t="shared" ca="1" si="18"/>
        <v/>
      </c>
      <c r="S64" s="1" t="str">
        <f t="shared" ca="1" si="19"/>
        <v/>
      </c>
      <c r="T64" s="1" t="str">
        <f t="shared" ca="1" si="20"/>
        <v/>
      </c>
      <c r="U64" s="1" t="str">
        <f t="shared" ca="1" si="21"/>
        <v/>
      </c>
      <c r="V64" s="1" t="str">
        <f t="shared" ca="1" si="22"/>
        <v/>
      </c>
      <c r="W64" s="1" t="str">
        <f t="shared" ca="1" si="23"/>
        <v/>
      </c>
      <c r="X64" s="1" t="str">
        <f t="shared" ca="1" si="24"/>
        <v/>
      </c>
      <c r="Y64" s="1" t="str">
        <f t="shared" ca="1" si="25"/>
        <v/>
      </c>
      <c r="Z64" s="1" t="str">
        <f t="shared" ca="1" si="26"/>
        <v/>
      </c>
      <c r="AA64" s="1" t="str">
        <f t="shared" ca="1" si="27"/>
        <v/>
      </c>
      <c r="AB64" s="1" t="str">
        <f t="shared" ca="1" si="28"/>
        <v/>
      </c>
      <c r="AC64" s="1" t="str">
        <f t="shared" ca="1" si="29"/>
        <v/>
      </c>
      <c r="AD64" s="1" t="str">
        <f t="shared" ca="1" si="30"/>
        <v/>
      </c>
      <c r="AE64" s="1" t="str">
        <f t="shared" ca="1" si="31"/>
        <v/>
      </c>
      <c r="AF64" s="1" t="str">
        <f t="shared" ca="1" si="32"/>
        <v/>
      </c>
      <c r="AG64" s="1" t="str">
        <f t="shared" ca="1" si="33"/>
        <v/>
      </c>
    </row>
    <row r="65" spans="1:33" x14ac:dyDescent="0.25">
      <c r="A65" s="1">
        <v>60</v>
      </c>
      <c r="B65" s="1">
        <f t="shared" ca="1" si="3"/>
        <v>0</v>
      </c>
      <c r="D65" s="1" t="str">
        <f t="shared" ca="1" si="4"/>
        <v>T</v>
      </c>
      <c r="E65" s="1" t="str">
        <f t="shared" ca="1" si="5"/>
        <v>T</v>
      </c>
      <c r="F65" s="1" t="str">
        <f t="shared" ca="1" si="6"/>
        <v>T</v>
      </c>
      <c r="G65" s="1" t="str">
        <f t="shared" ca="1" si="7"/>
        <v>T</v>
      </c>
      <c r="H65" s="1" t="str">
        <f t="shared" ca="1" si="8"/>
        <v>T</v>
      </c>
      <c r="I65" s="1" t="str">
        <f t="shared" ca="1" si="9"/>
        <v>T</v>
      </c>
      <c r="J65" s="1" t="str">
        <f t="shared" ca="1" si="10"/>
        <v/>
      </c>
      <c r="K65" s="1" t="str">
        <f t="shared" ca="1" si="11"/>
        <v/>
      </c>
      <c r="L65" s="1" t="str">
        <f t="shared" ca="1" si="12"/>
        <v/>
      </c>
      <c r="M65" s="1" t="str">
        <f t="shared" ca="1" si="13"/>
        <v/>
      </c>
      <c r="N65" s="1" t="str">
        <f t="shared" ca="1" si="14"/>
        <v/>
      </c>
      <c r="O65" s="1" t="str">
        <f t="shared" ca="1" si="15"/>
        <v/>
      </c>
      <c r="P65" s="1" t="str">
        <f t="shared" ca="1" si="16"/>
        <v/>
      </c>
      <c r="Q65" s="1" t="str">
        <f t="shared" ca="1" si="17"/>
        <v/>
      </c>
      <c r="R65" s="1" t="str">
        <f t="shared" ca="1" si="18"/>
        <v/>
      </c>
      <c r="S65" s="1" t="str">
        <f t="shared" ca="1" si="19"/>
        <v/>
      </c>
      <c r="T65" s="1" t="str">
        <f t="shared" ca="1" si="20"/>
        <v/>
      </c>
      <c r="U65" s="1" t="str">
        <f t="shared" ca="1" si="21"/>
        <v/>
      </c>
      <c r="V65" s="1" t="str">
        <f t="shared" ca="1" si="22"/>
        <v/>
      </c>
      <c r="W65" s="1" t="str">
        <f t="shared" ca="1" si="23"/>
        <v/>
      </c>
      <c r="X65" s="1" t="str">
        <f t="shared" ca="1" si="24"/>
        <v/>
      </c>
      <c r="Y65" s="1" t="str">
        <f t="shared" ca="1" si="25"/>
        <v/>
      </c>
      <c r="Z65" s="1" t="str">
        <f t="shared" ca="1" si="26"/>
        <v/>
      </c>
      <c r="AA65" s="1" t="str">
        <f t="shared" ca="1" si="27"/>
        <v/>
      </c>
      <c r="AB65" s="1" t="str">
        <f t="shared" ca="1" si="28"/>
        <v/>
      </c>
      <c r="AC65" s="1" t="str">
        <f t="shared" ca="1" si="29"/>
        <v/>
      </c>
      <c r="AD65" s="1" t="str">
        <f t="shared" ca="1" si="30"/>
        <v/>
      </c>
      <c r="AE65" s="1" t="str">
        <f t="shared" ca="1" si="31"/>
        <v/>
      </c>
      <c r="AF65" s="1" t="str">
        <f t="shared" ca="1" si="32"/>
        <v/>
      </c>
      <c r="AG65" s="1" t="str">
        <f t="shared" ca="1" si="33"/>
        <v/>
      </c>
    </row>
    <row r="66" spans="1:33" x14ac:dyDescent="0.25">
      <c r="A66" s="1">
        <v>61</v>
      </c>
      <c r="B66" s="1">
        <f t="shared" ca="1" si="3"/>
        <v>0</v>
      </c>
      <c r="D66" s="1" t="str">
        <f t="shared" ca="1" si="4"/>
        <v>T</v>
      </c>
      <c r="E66" s="1" t="str">
        <f t="shared" ca="1" si="5"/>
        <v>T</v>
      </c>
      <c r="F66" s="1" t="str">
        <f t="shared" ca="1" si="6"/>
        <v>T</v>
      </c>
      <c r="G66" s="1" t="str">
        <f t="shared" ca="1" si="7"/>
        <v>T</v>
      </c>
      <c r="H66" s="1" t="str">
        <f t="shared" ca="1" si="8"/>
        <v>T</v>
      </c>
      <c r="I66" s="1" t="str">
        <f t="shared" ca="1" si="9"/>
        <v>T</v>
      </c>
      <c r="J66" s="1" t="str">
        <f t="shared" ca="1" si="10"/>
        <v/>
      </c>
      <c r="K66" s="1" t="str">
        <f t="shared" ca="1" si="11"/>
        <v/>
      </c>
      <c r="L66" s="1" t="str">
        <f t="shared" ca="1" si="12"/>
        <v/>
      </c>
      <c r="M66" s="1" t="str">
        <f t="shared" ca="1" si="13"/>
        <v/>
      </c>
      <c r="N66" s="1" t="str">
        <f t="shared" ca="1" si="14"/>
        <v/>
      </c>
      <c r="O66" s="1" t="str">
        <f t="shared" ca="1" si="15"/>
        <v/>
      </c>
      <c r="P66" s="1" t="str">
        <f t="shared" ca="1" si="16"/>
        <v/>
      </c>
      <c r="Q66" s="1" t="str">
        <f t="shared" ca="1" si="17"/>
        <v/>
      </c>
      <c r="R66" s="1" t="str">
        <f t="shared" ca="1" si="18"/>
        <v/>
      </c>
      <c r="S66" s="1" t="str">
        <f t="shared" ca="1" si="19"/>
        <v/>
      </c>
      <c r="T66" s="1" t="str">
        <f t="shared" ca="1" si="20"/>
        <v/>
      </c>
      <c r="U66" s="1" t="str">
        <f t="shared" ca="1" si="21"/>
        <v/>
      </c>
      <c r="V66" s="1" t="str">
        <f t="shared" ca="1" si="22"/>
        <v/>
      </c>
      <c r="W66" s="1" t="str">
        <f t="shared" ca="1" si="23"/>
        <v/>
      </c>
      <c r="X66" s="1" t="str">
        <f t="shared" ca="1" si="24"/>
        <v/>
      </c>
      <c r="Y66" s="1" t="str">
        <f t="shared" ca="1" si="25"/>
        <v/>
      </c>
      <c r="Z66" s="1" t="str">
        <f t="shared" ca="1" si="26"/>
        <v/>
      </c>
      <c r="AA66" s="1" t="str">
        <f t="shared" ca="1" si="27"/>
        <v/>
      </c>
      <c r="AB66" s="1" t="str">
        <f t="shared" ca="1" si="28"/>
        <v/>
      </c>
      <c r="AC66" s="1" t="str">
        <f t="shared" ca="1" si="29"/>
        <v/>
      </c>
      <c r="AD66" s="1" t="str">
        <f t="shared" ca="1" si="30"/>
        <v/>
      </c>
      <c r="AE66" s="1" t="str">
        <f t="shared" ca="1" si="31"/>
        <v/>
      </c>
      <c r="AF66" s="1" t="str">
        <f t="shared" ca="1" si="32"/>
        <v/>
      </c>
      <c r="AG66" s="1" t="str">
        <f t="shared" ca="1" si="33"/>
        <v/>
      </c>
    </row>
    <row r="67" spans="1:33" x14ac:dyDescent="0.25">
      <c r="A67" s="1">
        <v>62</v>
      </c>
      <c r="B67" s="1">
        <f t="shared" ca="1" si="3"/>
        <v>0</v>
      </c>
      <c r="D67" s="1" t="str">
        <f t="shared" ca="1" si="4"/>
        <v>T</v>
      </c>
      <c r="E67" s="1" t="str">
        <f t="shared" ca="1" si="5"/>
        <v>T</v>
      </c>
      <c r="F67" s="1" t="str">
        <f t="shared" ca="1" si="6"/>
        <v>T</v>
      </c>
      <c r="G67" s="1" t="str">
        <f t="shared" ca="1" si="7"/>
        <v>T</v>
      </c>
      <c r="H67" s="1" t="str">
        <f t="shared" ca="1" si="8"/>
        <v>T</v>
      </c>
      <c r="I67" s="1" t="str">
        <f t="shared" ca="1" si="9"/>
        <v>T</v>
      </c>
      <c r="J67" s="1" t="str">
        <f t="shared" ca="1" si="10"/>
        <v/>
      </c>
      <c r="K67" s="1" t="str">
        <f t="shared" ca="1" si="11"/>
        <v/>
      </c>
      <c r="L67" s="1" t="str">
        <f t="shared" ca="1" si="12"/>
        <v/>
      </c>
      <c r="M67" s="1" t="str">
        <f t="shared" ca="1" si="13"/>
        <v/>
      </c>
      <c r="N67" s="1" t="str">
        <f t="shared" ca="1" si="14"/>
        <v/>
      </c>
      <c r="O67" s="1" t="str">
        <f t="shared" ca="1" si="15"/>
        <v/>
      </c>
      <c r="P67" s="1" t="str">
        <f t="shared" ca="1" si="16"/>
        <v/>
      </c>
      <c r="Q67" s="1" t="str">
        <f t="shared" ca="1" si="17"/>
        <v/>
      </c>
      <c r="R67" s="1" t="str">
        <f t="shared" ca="1" si="18"/>
        <v/>
      </c>
      <c r="S67" s="1" t="str">
        <f t="shared" ca="1" si="19"/>
        <v/>
      </c>
      <c r="T67" s="1" t="str">
        <f t="shared" ca="1" si="20"/>
        <v/>
      </c>
      <c r="U67" s="1" t="str">
        <f t="shared" ca="1" si="21"/>
        <v/>
      </c>
      <c r="V67" s="1" t="str">
        <f t="shared" ca="1" si="22"/>
        <v/>
      </c>
      <c r="W67" s="1" t="str">
        <f t="shared" ca="1" si="23"/>
        <v/>
      </c>
      <c r="X67" s="1" t="str">
        <f t="shared" ca="1" si="24"/>
        <v/>
      </c>
      <c r="Y67" s="1" t="str">
        <f t="shared" ca="1" si="25"/>
        <v/>
      </c>
      <c r="Z67" s="1" t="str">
        <f t="shared" ca="1" si="26"/>
        <v/>
      </c>
      <c r="AA67" s="1" t="str">
        <f t="shared" ca="1" si="27"/>
        <v/>
      </c>
      <c r="AB67" s="1" t="str">
        <f t="shared" ca="1" si="28"/>
        <v/>
      </c>
      <c r="AC67" s="1" t="str">
        <f t="shared" ca="1" si="29"/>
        <v/>
      </c>
      <c r="AD67" s="1" t="str">
        <f t="shared" ca="1" si="30"/>
        <v/>
      </c>
      <c r="AE67" s="1" t="str">
        <f t="shared" ca="1" si="31"/>
        <v/>
      </c>
      <c r="AF67" s="1" t="str">
        <f t="shared" ca="1" si="32"/>
        <v/>
      </c>
      <c r="AG67" s="1" t="str">
        <f t="shared" ca="1" si="33"/>
        <v/>
      </c>
    </row>
    <row r="68" spans="1:33" x14ac:dyDescent="0.25">
      <c r="A68" s="1">
        <v>63</v>
      </c>
      <c r="B68" s="1">
        <f t="shared" ca="1" si="3"/>
        <v>0</v>
      </c>
      <c r="D68" s="1" t="str">
        <f t="shared" ca="1" si="4"/>
        <v>T</v>
      </c>
      <c r="E68" s="1" t="str">
        <f t="shared" ca="1" si="5"/>
        <v>T</v>
      </c>
      <c r="F68" s="1" t="str">
        <f t="shared" ca="1" si="6"/>
        <v>T</v>
      </c>
      <c r="G68" s="1" t="str">
        <f t="shared" ca="1" si="7"/>
        <v>T</v>
      </c>
      <c r="H68" s="1" t="str">
        <f t="shared" ca="1" si="8"/>
        <v>T</v>
      </c>
      <c r="I68" s="1" t="str">
        <f t="shared" ca="1" si="9"/>
        <v>T</v>
      </c>
      <c r="J68" s="1" t="str">
        <f t="shared" ca="1" si="10"/>
        <v/>
      </c>
      <c r="K68" s="1" t="str">
        <f t="shared" ca="1" si="11"/>
        <v/>
      </c>
      <c r="L68" s="1" t="str">
        <f t="shared" ca="1" si="12"/>
        <v/>
      </c>
      <c r="M68" s="1" t="str">
        <f t="shared" ca="1" si="13"/>
        <v/>
      </c>
      <c r="N68" s="1" t="str">
        <f t="shared" ca="1" si="14"/>
        <v/>
      </c>
      <c r="O68" s="1" t="str">
        <f t="shared" ca="1" si="15"/>
        <v/>
      </c>
      <c r="P68" s="1" t="str">
        <f t="shared" ca="1" si="16"/>
        <v/>
      </c>
      <c r="Q68" s="1" t="str">
        <f t="shared" ca="1" si="17"/>
        <v/>
      </c>
      <c r="R68" s="1" t="str">
        <f t="shared" ca="1" si="18"/>
        <v/>
      </c>
      <c r="S68" s="1" t="str">
        <f t="shared" ca="1" si="19"/>
        <v/>
      </c>
      <c r="T68" s="1" t="str">
        <f t="shared" ca="1" si="20"/>
        <v/>
      </c>
      <c r="U68" s="1" t="str">
        <f t="shared" ca="1" si="21"/>
        <v/>
      </c>
      <c r="V68" s="1" t="str">
        <f t="shared" ca="1" si="22"/>
        <v/>
      </c>
      <c r="W68" s="1" t="str">
        <f t="shared" ca="1" si="23"/>
        <v/>
      </c>
      <c r="X68" s="1" t="str">
        <f t="shared" ca="1" si="24"/>
        <v/>
      </c>
      <c r="Y68" s="1" t="str">
        <f t="shared" ca="1" si="25"/>
        <v/>
      </c>
      <c r="Z68" s="1" t="str">
        <f t="shared" ca="1" si="26"/>
        <v/>
      </c>
      <c r="AA68" s="1" t="str">
        <f t="shared" ca="1" si="27"/>
        <v/>
      </c>
      <c r="AB68" s="1" t="str">
        <f t="shared" ca="1" si="28"/>
        <v/>
      </c>
      <c r="AC68" s="1" t="str">
        <f t="shared" ca="1" si="29"/>
        <v/>
      </c>
      <c r="AD68" s="1" t="str">
        <f t="shared" ca="1" si="30"/>
        <v/>
      </c>
      <c r="AE68" s="1" t="str">
        <f t="shared" ca="1" si="31"/>
        <v/>
      </c>
      <c r="AF68" s="1" t="str">
        <f t="shared" ca="1" si="32"/>
        <v/>
      </c>
      <c r="AG68" s="1" t="str">
        <f t="shared" ca="1" si="33"/>
        <v/>
      </c>
    </row>
    <row r="69" spans="1:33" x14ac:dyDescent="0.25">
      <c r="A69" s="1">
        <v>64</v>
      </c>
      <c r="B69" s="1">
        <f t="shared" ca="1" si="3"/>
        <v>0</v>
      </c>
      <c r="D69" s="1" t="str">
        <f t="shared" ca="1" si="4"/>
        <v>T</v>
      </c>
      <c r="E69" s="1" t="str">
        <f t="shared" ca="1" si="5"/>
        <v>T</v>
      </c>
      <c r="F69" s="1" t="str">
        <f t="shared" ca="1" si="6"/>
        <v>T</v>
      </c>
      <c r="G69" s="1" t="str">
        <f t="shared" ca="1" si="7"/>
        <v>T</v>
      </c>
      <c r="H69" s="1" t="str">
        <f t="shared" ca="1" si="8"/>
        <v>T</v>
      </c>
      <c r="I69" s="1" t="str">
        <f t="shared" ca="1" si="9"/>
        <v>T</v>
      </c>
      <c r="J69" s="1" t="str">
        <f t="shared" ca="1" si="10"/>
        <v/>
      </c>
      <c r="K69" s="1" t="str">
        <f t="shared" ca="1" si="11"/>
        <v/>
      </c>
      <c r="L69" s="1" t="str">
        <f t="shared" ca="1" si="12"/>
        <v/>
      </c>
      <c r="M69" s="1" t="str">
        <f t="shared" ca="1" si="13"/>
        <v/>
      </c>
      <c r="N69" s="1" t="str">
        <f t="shared" ca="1" si="14"/>
        <v/>
      </c>
      <c r="O69" s="1" t="str">
        <f t="shared" ca="1" si="15"/>
        <v/>
      </c>
      <c r="P69" s="1" t="str">
        <f t="shared" ca="1" si="16"/>
        <v/>
      </c>
      <c r="Q69" s="1" t="str">
        <f t="shared" ca="1" si="17"/>
        <v/>
      </c>
      <c r="R69" s="1" t="str">
        <f t="shared" ca="1" si="18"/>
        <v/>
      </c>
      <c r="S69" s="1" t="str">
        <f t="shared" ca="1" si="19"/>
        <v/>
      </c>
      <c r="T69" s="1" t="str">
        <f t="shared" ca="1" si="20"/>
        <v/>
      </c>
      <c r="U69" s="1" t="str">
        <f t="shared" ca="1" si="21"/>
        <v/>
      </c>
      <c r="V69" s="1" t="str">
        <f t="shared" ca="1" si="22"/>
        <v/>
      </c>
      <c r="W69" s="1" t="str">
        <f t="shared" ca="1" si="23"/>
        <v/>
      </c>
      <c r="X69" s="1" t="str">
        <f t="shared" ca="1" si="24"/>
        <v/>
      </c>
      <c r="Y69" s="1" t="str">
        <f t="shared" ca="1" si="25"/>
        <v/>
      </c>
      <c r="Z69" s="1" t="str">
        <f t="shared" ca="1" si="26"/>
        <v/>
      </c>
      <c r="AA69" s="1" t="str">
        <f t="shared" ca="1" si="27"/>
        <v/>
      </c>
      <c r="AB69" s="1" t="str">
        <f t="shared" ca="1" si="28"/>
        <v/>
      </c>
      <c r="AC69" s="1" t="str">
        <f t="shared" ca="1" si="29"/>
        <v/>
      </c>
      <c r="AD69" s="1" t="str">
        <f t="shared" ca="1" si="30"/>
        <v/>
      </c>
      <c r="AE69" s="1" t="str">
        <f t="shared" ca="1" si="31"/>
        <v/>
      </c>
      <c r="AF69" s="1" t="str">
        <f t="shared" ca="1" si="32"/>
        <v/>
      </c>
      <c r="AG69" s="1" t="str">
        <f t="shared" ca="1" si="33"/>
        <v/>
      </c>
    </row>
    <row r="70" spans="1:33" x14ac:dyDescent="0.25">
      <c r="A70" s="1">
        <v>65</v>
      </c>
      <c r="B70" s="1">
        <f t="shared" ca="1" si="3"/>
        <v>0</v>
      </c>
      <c r="D70" s="1" t="str">
        <f t="shared" ca="1" si="4"/>
        <v>T</v>
      </c>
      <c r="E70" s="1" t="str">
        <f t="shared" ca="1" si="5"/>
        <v>T</v>
      </c>
      <c r="F70" s="1" t="str">
        <f t="shared" ca="1" si="6"/>
        <v>T</v>
      </c>
      <c r="G70" s="1" t="str">
        <f t="shared" ca="1" si="7"/>
        <v>T</v>
      </c>
      <c r="H70" s="1" t="str">
        <f t="shared" ca="1" si="8"/>
        <v>T</v>
      </c>
      <c r="I70" s="1" t="str">
        <f t="shared" ca="1" si="9"/>
        <v>T</v>
      </c>
      <c r="J70" s="1" t="str">
        <f t="shared" ca="1" si="10"/>
        <v/>
      </c>
      <c r="K70" s="1" t="str">
        <f t="shared" ca="1" si="11"/>
        <v/>
      </c>
      <c r="L70" s="1" t="str">
        <f t="shared" ca="1" si="12"/>
        <v/>
      </c>
      <c r="M70" s="1" t="str">
        <f t="shared" ca="1" si="13"/>
        <v/>
      </c>
      <c r="N70" s="1" t="str">
        <f t="shared" ca="1" si="14"/>
        <v/>
      </c>
      <c r="O70" s="1" t="str">
        <f t="shared" ca="1" si="15"/>
        <v/>
      </c>
      <c r="P70" s="1" t="str">
        <f t="shared" ca="1" si="16"/>
        <v/>
      </c>
      <c r="Q70" s="1" t="str">
        <f t="shared" ca="1" si="17"/>
        <v/>
      </c>
      <c r="R70" s="1" t="str">
        <f t="shared" ca="1" si="18"/>
        <v/>
      </c>
      <c r="S70" s="1" t="str">
        <f t="shared" ca="1" si="19"/>
        <v/>
      </c>
      <c r="T70" s="1" t="str">
        <f t="shared" ca="1" si="20"/>
        <v/>
      </c>
      <c r="U70" s="1" t="str">
        <f t="shared" ca="1" si="21"/>
        <v/>
      </c>
      <c r="V70" s="1" t="str">
        <f t="shared" ca="1" si="22"/>
        <v/>
      </c>
      <c r="W70" s="1" t="str">
        <f t="shared" ca="1" si="23"/>
        <v/>
      </c>
      <c r="X70" s="1" t="str">
        <f t="shared" ca="1" si="24"/>
        <v/>
      </c>
      <c r="Y70" s="1" t="str">
        <f t="shared" ca="1" si="25"/>
        <v/>
      </c>
      <c r="Z70" s="1" t="str">
        <f t="shared" ca="1" si="26"/>
        <v/>
      </c>
      <c r="AA70" s="1" t="str">
        <f t="shared" ca="1" si="27"/>
        <v/>
      </c>
      <c r="AB70" s="1" t="str">
        <f t="shared" ca="1" si="28"/>
        <v/>
      </c>
      <c r="AC70" s="1" t="str">
        <f t="shared" ca="1" si="29"/>
        <v/>
      </c>
      <c r="AD70" s="1" t="str">
        <f t="shared" ca="1" si="30"/>
        <v/>
      </c>
      <c r="AE70" s="1" t="str">
        <f t="shared" ca="1" si="31"/>
        <v/>
      </c>
      <c r="AF70" s="1" t="str">
        <f t="shared" ca="1" si="32"/>
        <v/>
      </c>
      <c r="AG70" s="1" t="str">
        <f t="shared" ca="1" si="33"/>
        <v/>
      </c>
    </row>
    <row r="71" spans="1:33" x14ac:dyDescent="0.25">
      <c r="A71" s="1">
        <v>66</v>
      </c>
      <c r="B71" s="1">
        <f t="shared" ref="B71:B105" ca="1" si="34">COUNTIF(D70:AG70,"H")</f>
        <v>0</v>
      </c>
      <c r="D71" s="1" t="str">
        <f t="shared" ref="D71:D105" ca="1" si="35">IF(COLUMN(D68)-3=$B71,IF(D70="H","T","H"),D70)</f>
        <v>T</v>
      </c>
      <c r="E71" s="1" t="str">
        <f t="shared" ref="E71:E105" ca="1" si="36">IF(COLUMN(E68)-3=$B71,IF(E70="H","T","H"),E70)</f>
        <v>T</v>
      </c>
      <c r="F71" s="1" t="str">
        <f t="shared" ref="F71:F105" ca="1" si="37">IF(COLUMN(F68)-3=$B71,IF(F70="H","T","H"),F70)</f>
        <v>T</v>
      </c>
      <c r="G71" s="1" t="str">
        <f t="shared" ref="G71:G105" ca="1" si="38">IF(COLUMN(G68)-3=$B71,IF(G70="H","T","H"),G70)</f>
        <v>T</v>
      </c>
      <c r="H71" s="1" t="str">
        <f t="shared" ref="H71:H105" ca="1" si="39">IF(COLUMN(H68)-3=$B71,IF(H70="H","T","H"),H70)</f>
        <v>T</v>
      </c>
      <c r="I71" s="1" t="str">
        <f t="shared" ref="I71:I105" ca="1" si="40">IF(COLUMN(I68)-3=$B71,IF(I70="H","T","H"),I70)</f>
        <v>T</v>
      </c>
      <c r="J71" s="1" t="str">
        <f t="shared" ref="J71:J105" ca="1" si="41">IF(COLUMN(J68)-3=$B71,IF(J70="H","T","H"),J70)</f>
        <v/>
      </c>
      <c r="K71" s="1" t="str">
        <f t="shared" ref="K71:K105" ca="1" si="42">IF(COLUMN(K68)-3=$B71,IF(K70="H","T","H"),K70)</f>
        <v/>
      </c>
      <c r="L71" s="1" t="str">
        <f t="shared" ref="L71:L105" ca="1" si="43">IF(COLUMN(L68)-3=$B71,IF(L70="H","T","H"),L70)</f>
        <v/>
      </c>
      <c r="M71" s="1" t="str">
        <f t="shared" ref="M71:M105" ca="1" si="44">IF(COLUMN(M68)-3=$B71,IF(M70="H","T","H"),M70)</f>
        <v/>
      </c>
      <c r="N71" s="1" t="str">
        <f t="shared" ref="N71:N105" ca="1" si="45">IF(COLUMN(N68)-3=$B71,IF(N70="H","T","H"),N70)</f>
        <v/>
      </c>
      <c r="O71" s="1" t="str">
        <f t="shared" ref="O71:O105" ca="1" si="46">IF(COLUMN(O68)-3=$B71,IF(O70="H","T","H"),O70)</f>
        <v/>
      </c>
      <c r="P71" s="1" t="str">
        <f t="shared" ref="P71:P105" ca="1" si="47">IF(COLUMN(P68)-3=$B71,IF(P70="H","T","H"),P70)</f>
        <v/>
      </c>
      <c r="Q71" s="1" t="str">
        <f t="shared" ref="Q71:Q105" ca="1" si="48">IF(COLUMN(Q68)-3=$B71,IF(Q70="H","T","H"),Q70)</f>
        <v/>
      </c>
      <c r="R71" s="1" t="str">
        <f t="shared" ref="R71:R105" ca="1" si="49">IF(COLUMN(R68)-3=$B71,IF(R70="H","T","H"),R70)</f>
        <v/>
      </c>
      <c r="S71" s="1" t="str">
        <f t="shared" ref="S71:S105" ca="1" si="50">IF(COLUMN(S68)-3=$B71,IF(S70="H","T","H"),S70)</f>
        <v/>
      </c>
      <c r="T71" s="1" t="str">
        <f t="shared" ref="T71:T105" ca="1" si="51">IF(COLUMN(T68)-3=$B71,IF(T70="H","T","H"),T70)</f>
        <v/>
      </c>
      <c r="U71" s="1" t="str">
        <f t="shared" ref="U71:U105" ca="1" si="52">IF(COLUMN(U68)-3=$B71,IF(U70="H","T","H"),U70)</f>
        <v/>
      </c>
      <c r="V71" s="1" t="str">
        <f t="shared" ref="V71:V105" ca="1" si="53">IF(COLUMN(V68)-3=$B71,IF(V70="H","T","H"),V70)</f>
        <v/>
      </c>
      <c r="W71" s="1" t="str">
        <f t="shared" ref="W71:W105" ca="1" si="54">IF(COLUMN(W68)-3=$B71,IF(W70="H","T","H"),W70)</f>
        <v/>
      </c>
      <c r="X71" s="1" t="str">
        <f t="shared" ref="X71:X105" ca="1" si="55">IF(COLUMN(X68)-3=$B71,IF(X70="H","T","H"),X70)</f>
        <v/>
      </c>
      <c r="Y71" s="1" t="str">
        <f t="shared" ref="Y71:Y105" ca="1" si="56">IF(COLUMN(Y68)-3=$B71,IF(Y70="H","T","H"),Y70)</f>
        <v/>
      </c>
      <c r="Z71" s="1" t="str">
        <f t="shared" ref="Z71:Z105" ca="1" si="57">IF(COLUMN(Z68)-3=$B71,IF(Z70="H","T","H"),Z70)</f>
        <v/>
      </c>
      <c r="AA71" s="1" t="str">
        <f t="shared" ref="AA71:AA105" ca="1" si="58">IF(COLUMN(AA68)-3=$B71,IF(AA70="H","T","H"),AA70)</f>
        <v/>
      </c>
      <c r="AB71" s="1" t="str">
        <f t="shared" ref="AB71:AB105" ca="1" si="59">IF(COLUMN(AB68)-3=$B71,IF(AB70="H","T","H"),AB70)</f>
        <v/>
      </c>
      <c r="AC71" s="1" t="str">
        <f t="shared" ref="AC71:AC105" ca="1" si="60">IF(COLUMN(AC68)-3=$B71,IF(AC70="H","T","H"),AC70)</f>
        <v/>
      </c>
      <c r="AD71" s="1" t="str">
        <f t="shared" ref="AD71:AD105" ca="1" si="61">IF(COLUMN(AD68)-3=$B71,IF(AD70="H","T","H"),AD70)</f>
        <v/>
      </c>
      <c r="AE71" s="1" t="str">
        <f t="shared" ref="AE71:AE105" ca="1" si="62">IF(COLUMN(AE68)-3=$B71,IF(AE70="H","T","H"),AE70)</f>
        <v/>
      </c>
      <c r="AF71" s="1" t="str">
        <f t="shared" ref="AF71:AF105" ca="1" si="63">IF(COLUMN(AF68)-3=$B71,IF(AF70="H","T","H"),AF70)</f>
        <v/>
      </c>
      <c r="AG71" s="1" t="str">
        <f t="shared" ref="AG71:AG105" ca="1" si="64">IF(COLUMN(AG68)-3=$B71,IF(AG70="H","T","H"),AG70)</f>
        <v/>
      </c>
    </row>
    <row r="72" spans="1:33" x14ac:dyDescent="0.25">
      <c r="A72" s="1">
        <v>67</v>
      </c>
      <c r="B72" s="1">
        <f t="shared" ca="1" si="34"/>
        <v>0</v>
      </c>
      <c r="D72" s="1" t="str">
        <f t="shared" ca="1" si="35"/>
        <v>T</v>
      </c>
      <c r="E72" s="1" t="str">
        <f t="shared" ca="1" si="36"/>
        <v>T</v>
      </c>
      <c r="F72" s="1" t="str">
        <f t="shared" ca="1" si="37"/>
        <v>T</v>
      </c>
      <c r="G72" s="1" t="str">
        <f t="shared" ca="1" si="38"/>
        <v>T</v>
      </c>
      <c r="H72" s="1" t="str">
        <f t="shared" ca="1" si="39"/>
        <v>T</v>
      </c>
      <c r="I72" s="1" t="str">
        <f t="shared" ca="1" si="40"/>
        <v>T</v>
      </c>
      <c r="J72" s="1" t="str">
        <f t="shared" ca="1" si="41"/>
        <v/>
      </c>
      <c r="K72" s="1" t="str">
        <f t="shared" ca="1" si="42"/>
        <v/>
      </c>
      <c r="L72" s="1" t="str">
        <f t="shared" ca="1" si="43"/>
        <v/>
      </c>
      <c r="M72" s="1" t="str">
        <f t="shared" ca="1" si="44"/>
        <v/>
      </c>
      <c r="N72" s="1" t="str">
        <f t="shared" ca="1" si="45"/>
        <v/>
      </c>
      <c r="O72" s="1" t="str">
        <f t="shared" ca="1" si="46"/>
        <v/>
      </c>
      <c r="P72" s="1" t="str">
        <f t="shared" ca="1" si="47"/>
        <v/>
      </c>
      <c r="Q72" s="1" t="str">
        <f t="shared" ca="1" si="48"/>
        <v/>
      </c>
      <c r="R72" s="1" t="str">
        <f t="shared" ca="1" si="49"/>
        <v/>
      </c>
      <c r="S72" s="1" t="str">
        <f t="shared" ca="1" si="50"/>
        <v/>
      </c>
      <c r="T72" s="1" t="str">
        <f t="shared" ca="1" si="51"/>
        <v/>
      </c>
      <c r="U72" s="1" t="str">
        <f t="shared" ca="1" si="52"/>
        <v/>
      </c>
      <c r="V72" s="1" t="str">
        <f t="shared" ca="1" si="53"/>
        <v/>
      </c>
      <c r="W72" s="1" t="str">
        <f t="shared" ca="1" si="54"/>
        <v/>
      </c>
      <c r="X72" s="1" t="str">
        <f t="shared" ca="1" si="55"/>
        <v/>
      </c>
      <c r="Y72" s="1" t="str">
        <f t="shared" ca="1" si="56"/>
        <v/>
      </c>
      <c r="Z72" s="1" t="str">
        <f t="shared" ca="1" si="57"/>
        <v/>
      </c>
      <c r="AA72" s="1" t="str">
        <f t="shared" ca="1" si="58"/>
        <v/>
      </c>
      <c r="AB72" s="1" t="str">
        <f t="shared" ca="1" si="59"/>
        <v/>
      </c>
      <c r="AC72" s="1" t="str">
        <f t="shared" ca="1" si="60"/>
        <v/>
      </c>
      <c r="AD72" s="1" t="str">
        <f t="shared" ca="1" si="61"/>
        <v/>
      </c>
      <c r="AE72" s="1" t="str">
        <f t="shared" ca="1" si="62"/>
        <v/>
      </c>
      <c r="AF72" s="1" t="str">
        <f t="shared" ca="1" si="63"/>
        <v/>
      </c>
      <c r="AG72" s="1" t="str">
        <f t="shared" ca="1" si="64"/>
        <v/>
      </c>
    </row>
    <row r="73" spans="1:33" x14ac:dyDescent="0.25">
      <c r="A73" s="1">
        <v>68</v>
      </c>
      <c r="B73" s="1">
        <f t="shared" ca="1" si="34"/>
        <v>0</v>
      </c>
      <c r="D73" s="1" t="str">
        <f t="shared" ca="1" si="35"/>
        <v>T</v>
      </c>
      <c r="E73" s="1" t="str">
        <f t="shared" ca="1" si="36"/>
        <v>T</v>
      </c>
      <c r="F73" s="1" t="str">
        <f t="shared" ca="1" si="37"/>
        <v>T</v>
      </c>
      <c r="G73" s="1" t="str">
        <f t="shared" ca="1" si="38"/>
        <v>T</v>
      </c>
      <c r="H73" s="1" t="str">
        <f t="shared" ca="1" si="39"/>
        <v>T</v>
      </c>
      <c r="I73" s="1" t="str">
        <f t="shared" ca="1" si="40"/>
        <v>T</v>
      </c>
      <c r="J73" s="1" t="str">
        <f t="shared" ca="1" si="41"/>
        <v/>
      </c>
      <c r="K73" s="1" t="str">
        <f t="shared" ca="1" si="42"/>
        <v/>
      </c>
      <c r="L73" s="1" t="str">
        <f t="shared" ca="1" si="43"/>
        <v/>
      </c>
      <c r="M73" s="1" t="str">
        <f t="shared" ca="1" si="44"/>
        <v/>
      </c>
      <c r="N73" s="1" t="str">
        <f t="shared" ca="1" si="45"/>
        <v/>
      </c>
      <c r="O73" s="1" t="str">
        <f t="shared" ca="1" si="46"/>
        <v/>
      </c>
      <c r="P73" s="1" t="str">
        <f t="shared" ca="1" si="47"/>
        <v/>
      </c>
      <c r="Q73" s="1" t="str">
        <f t="shared" ca="1" si="48"/>
        <v/>
      </c>
      <c r="R73" s="1" t="str">
        <f t="shared" ca="1" si="49"/>
        <v/>
      </c>
      <c r="S73" s="1" t="str">
        <f t="shared" ca="1" si="50"/>
        <v/>
      </c>
      <c r="T73" s="1" t="str">
        <f t="shared" ca="1" si="51"/>
        <v/>
      </c>
      <c r="U73" s="1" t="str">
        <f t="shared" ca="1" si="52"/>
        <v/>
      </c>
      <c r="V73" s="1" t="str">
        <f t="shared" ca="1" si="53"/>
        <v/>
      </c>
      <c r="W73" s="1" t="str">
        <f t="shared" ca="1" si="54"/>
        <v/>
      </c>
      <c r="X73" s="1" t="str">
        <f t="shared" ca="1" si="55"/>
        <v/>
      </c>
      <c r="Y73" s="1" t="str">
        <f t="shared" ca="1" si="56"/>
        <v/>
      </c>
      <c r="Z73" s="1" t="str">
        <f t="shared" ca="1" si="57"/>
        <v/>
      </c>
      <c r="AA73" s="1" t="str">
        <f t="shared" ca="1" si="58"/>
        <v/>
      </c>
      <c r="AB73" s="1" t="str">
        <f t="shared" ca="1" si="59"/>
        <v/>
      </c>
      <c r="AC73" s="1" t="str">
        <f t="shared" ca="1" si="60"/>
        <v/>
      </c>
      <c r="AD73" s="1" t="str">
        <f t="shared" ca="1" si="61"/>
        <v/>
      </c>
      <c r="AE73" s="1" t="str">
        <f t="shared" ca="1" si="62"/>
        <v/>
      </c>
      <c r="AF73" s="1" t="str">
        <f t="shared" ca="1" si="63"/>
        <v/>
      </c>
      <c r="AG73" s="1" t="str">
        <f t="shared" ca="1" si="64"/>
        <v/>
      </c>
    </row>
    <row r="74" spans="1:33" x14ac:dyDescent="0.25">
      <c r="A74" s="1">
        <v>69</v>
      </c>
      <c r="B74" s="1">
        <f t="shared" ca="1" si="34"/>
        <v>0</v>
      </c>
      <c r="D74" s="1" t="str">
        <f t="shared" ca="1" si="35"/>
        <v>T</v>
      </c>
      <c r="E74" s="1" t="str">
        <f t="shared" ca="1" si="36"/>
        <v>T</v>
      </c>
      <c r="F74" s="1" t="str">
        <f t="shared" ca="1" si="37"/>
        <v>T</v>
      </c>
      <c r="G74" s="1" t="str">
        <f t="shared" ca="1" si="38"/>
        <v>T</v>
      </c>
      <c r="H74" s="1" t="str">
        <f t="shared" ca="1" si="39"/>
        <v>T</v>
      </c>
      <c r="I74" s="1" t="str">
        <f t="shared" ca="1" si="40"/>
        <v>T</v>
      </c>
      <c r="J74" s="1" t="str">
        <f t="shared" ca="1" si="41"/>
        <v/>
      </c>
      <c r="K74" s="1" t="str">
        <f t="shared" ca="1" si="42"/>
        <v/>
      </c>
      <c r="L74" s="1" t="str">
        <f t="shared" ca="1" si="43"/>
        <v/>
      </c>
      <c r="M74" s="1" t="str">
        <f t="shared" ca="1" si="44"/>
        <v/>
      </c>
      <c r="N74" s="1" t="str">
        <f t="shared" ca="1" si="45"/>
        <v/>
      </c>
      <c r="O74" s="1" t="str">
        <f t="shared" ca="1" si="46"/>
        <v/>
      </c>
      <c r="P74" s="1" t="str">
        <f t="shared" ca="1" si="47"/>
        <v/>
      </c>
      <c r="Q74" s="1" t="str">
        <f t="shared" ca="1" si="48"/>
        <v/>
      </c>
      <c r="R74" s="1" t="str">
        <f t="shared" ca="1" si="49"/>
        <v/>
      </c>
      <c r="S74" s="1" t="str">
        <f t="shared" ca="1" si="50"/>
        <v/>
      </c>
      <c r="T74" s="1" t="str">
        <f t="shared" ca="1" si="51"/>
        <v/>
      </c>
      <c r="U74" s="1" t="str">
        <f t="shared" ca="1" si="52"/>
        <v/>
      </c>
      <c r="V74" s="1" t="str">
        <f t="shared" ca="1" si="53"/>
        <v/>
      </c>
      <c r="W74" s="1" t="str">
        <f t="shared" ca="1" si="54"/>
        <v/>
      </c>
      <c r="X74" s="1" t="str">
        <f t="shared" ca="1" si="55"/>
        <v/>
      </c>
      <c r="Y74" s="1" t="str">
        <f t="shared" ca="1" si="56"/>
        <v/>
      </c>
      <c r="Z74" s="1" t="str">
        <f t="shared" ca="1" si="57"/>
        <v/>
      </c>
      <c r="AA74" s="1" t="str">
        <f t="shared" ca="1" si="58"/>
        <v/>
      </c>
      <c r="AB74" s="1" t="str">
        <f t="shared" ca="1" si="59"/>
        <v/>
      </c>
      <c r="AC74" s="1" t="str">
        <f t="shared" ca="1" si="60"/>
        <v/>
      </c>
      <c r="AD74" s="1" t="str">
        <f t="shared" ca="1" si="61"/>
        <v/>
      </c>
      <c r="AE74" s="1" t="str">
        <f t="shared" ca="1" si="62"/>
        <v/>
      </c>
      <c r="AF74" s="1" t="str">
        <f t="shared" ca="1" si="63"/>
        <v/>
      </c>
      <c r="AG74" s="1" t="str">
        <f t="shared" ca="1" si="64"/>
        <v/>
      </c>
    </row>
    <row r="75" spans="1:33" x14ac:dyDescent="0.25">
      <c r="A75" s="1">
        <v>70</v>
      </c>
      <c r="B75" s="1">
        <f t="shared" ca="1" si="34"/>
        <v>0</v>
      </c>
      <c r="D75" s="1" t="str">
        <f t="shared" ca="1" si="35"/>
        <v>T</v>
      </c>
      <c r="E75" s="1" t="str">
        <f t="shared" ca="1" si="36"/>
        <v>T</v>
      </c>
      <c r="F75" s="1" t="str">
        <f t="shared" ca="1" si="37"/>
        <v>T</v>
      </c>
      <c r="G75" s="1" t="str">
        <f t="shared" ca="1" si="38"/>
        <v>T</v>
      </c>
      <c r="H75" s="1" t="str">
        <f t="shared" ca="1" si="39"/>
        <v>T</v>
      </c>
      <c r="I75" s="1" t="str">
        <f t="shared" ca="1" si="40"/>
        <v>T</v>
      </c>
      <c r="J75" s="1" t="str">
        <f t="shared" ca="1" si="41"/>
        <v/>
      </c>
      <c r="K75" s="1" t="str">
        <f t="shared" ca="1" si="42"/>
        <v/>
      </c>
      <c r="L75" s="1" t="str">
        <f t="shared" ca="1" si="43"/>
        <v/>
      </c>
      <c r="M75" s="1" t="str">
        <f t="shared" ca="1" si="44"/>
        <v/>
      </c>
      <c r="N75" s="1" t="str">
        <f t="shared" ca="1" si="45"/>
        <v/>
      </c>
      <c r="O75" s="1" t="str">
        <f t="shared" ca="1" si="46"/>
        <v/>
      </c>
      <c r="P75" s="1" t="str">
        <f t="shared" ca="1" si="47"/>
        <v/>
      </c>
      <c r="Q75" s="1" t="str">
        <f t="shared" ca="1" si="48"/>
        <v/>
      </c>
      <c r="R75" s="1" t="str">
        <f t="shared" ca="1" si="49"/>
        <v/>
      </c>
      <c r="S75" s="1" t="str">
        <f t="shared" ca="1" si="50"/>
        <v/>
      </c>
      <c r="T75" s="1" t="str">
        <f t="shared" ca="1" si="51"/>
        <v/>
      </c>
      <c r="U75" s="1" t="str">
        <f t="shared" ca="1" si="52"/>
        <v/>
      </c>
      <c r="V75" s="1" t="str">
        <f t="shared" ca="1" si="53"/>
        <v/>
      </c>
      <c r="W75" s="1" t="str">
        <f t="shared" ca="1" si="54"/>
        <v/>
      </c>
      <c r="X75" s="1" t="str">
        <f t="shared" ca="1" si="55"/>
        <v/>
      </c>
      <c r="Y75" s="1" t="str">
        <f t="shared" ca="1" si="56"/>
        <v/>
      </c>
      <c r="Z75" s="1" t="str">
        <f t="shared" ca="1" si="57"/>
        <v/>
      </c>
      <c r="AA75" s="1" t="str">
        <f t="shared" ca="1" si="58"/>
        <v/>
      </c>
      <c r="AB75" s="1" t="str">
        <f t="shared" ca="1" si="59"/>
        <v/>
      </c>
      <c r="AC75" s="1" t="str">
        <f t="shared" ca="1" si="60"/>
        <v/>
      </c>
      <c r="AD75" s="1" t="str">
        <f t="shared" ca="1" si="61"/>
        <v/>
      </c>
      <c r="AE75" s="1" t="str">
        <f t="shared" ca="1" si="62"/>
        <v/>
      </c>
      <c r="AF75" s="1" t="str">
        <f t="shared" ca="1" si="63"/>
        <v/>
      </c>
      <c r="AG75" s="1" t="str">
        <f t="shared" ca="1" si="64"/>
        <v/>
      </c>
    </row>
    <row r="76" spans="1:33" x14ac:dyDescent="0.25">
      <c r="A76" s="1">
        <v>71</v>
      </c>
      <c r="B76" s="1">
        <f t="shared" ca="1" si="34"/>
        <v>0</v>
      </c>
      <c r="D76" s="1" t="str">
        <f t="shared" ca="1" si="35"/>
        <v>T</v>
      </c>
      <c r="E76" s="1" t="str">
        <f t="shared" ca="1" si="36"/>
        <v>T</v>
      </c>
      <c r="F76" s="1" t="str">
        <f t="shared" ca="1" si="37"/>
        <v>T</v>
      </c>
      <c r="G76" s="1" t="str">
        <f t="shared" ca="1" si="38"/>
        <v>T</v>
      </c>
      <c r="H76" s="1" t="str">
        <f t="shared" ca="1" si="39"/>
        <v>T</v>
      </c>
      <c r="I76" s="1" t="str">
        <f t="shared" ca="1" si="40"/>
        <v>T</v>
      </c>
      <c r="J76" s="1" t="str">
        <f t="shared" ca="1" si="41"/>
        <v/>
      </c>
      <c r="K76" s="1" t="str">
        <f t="shared" ca="1" si="42"/>
        <v/>
      </c>
      <c r="L76" s="1" t="str">
        <f t="shared" ca="1" si="43"/>
        <v/>
      </c>
      <c r="M76" s="1" t="str">
        <f t="shared" ca="1" si="44"/>
        <v/>
      </c>
      <c r="N76" s="1" t="str">
        <f t="shared" ca="1" si="45"/>
        <v/>
      </c>
      <c r="O76" s="1" t="str">
        <f t="shared" ca="1" si="46"/>
        <v/>
      </c>
      <c r="P76" s="1" t="str">
        <f t="shared" ca="1" si="47"/>
        <v/>
      </c>
      <c r="Q76" s="1" t="str">
        <f t="shared" ca="1" si="48"/>
        <v/>
      </c>
      <c r="R76" s="1" t="str">
        <f t="shared" ca="1" si="49"/>
        <v/>
      </c>
      <c r="S76" s="1" t="str">
        <f t="shared" ca="1" si="50"/>
        <v/>
      </c>
      <c r="T76" s="1" t="str">
        <f t="shared" ca="1" si="51"/>
        <v/>
      </c>
      <c r="U76" s="1" t="str">
        <f t="shared" ca="1" si="52"/>
        <v/>
      </c>
      <c r="V76" s="1" t="str">
        <f t="shared" ca="1" si="53"/>
        <v/>
      </c>
      <c r="W76" s="1" t="str">
        <f t="shared" ca="1" si="54"/>
        <v/>
      </c>
      <c r="X76" s="1" t="str">
        <f t="shared" ca="1" si="55"/>
        <v/>
      </c>
      <c r="Y76" s="1" t="str">
        <f t="shared" ca="1" si="56"/>
        <v/>
      </c>
      <c r="Z76" s="1" t="str">
        <f t="shared" ca="1" si="57"/>
        <v/>
      </c>
      <c r="AA76" s="1" t="str">
        <f t="shared" ca="1" si="58"/>
        <v/>
      </c>
      <c r="AB76" s="1" t="str">
        <f t="shared" ca="1" si="59"/>
        <v/>
      </c>
      <c r="AC76" s="1" t="str">
        <f t="shared" ca="1" si="60"/>
        <v/>
      </c>
      <c r="AD76" s="1" t="str">
        <f t="shared" ca="1" si="61"/>
        <v/>
      </c>
      <c r="AE76" s="1" t="str">
        <f t="shared" ca="1" si="62"/>
        <v/>
      </c>
      <c r="AF76" s="1" t="str">
        <f t="shared" ca="1" si="63"/>
        <v/>
      </c>
      <c r="AG76" s="1" t="str">
        <f t="shared" ca="1" si="64"/>
        <v/>
      </c>
    </row>
    <row r="77" spans="1:33" x14ac:dyDescent="0.25">
      <c r="A77" s="1">
        <v>72</v>
      </c>
      <c r="B77" s="1">
        <f t="shared" ca="1" si="34"/>
        <v>0</v>
      </c>
      <c r="D77" s="1" t="str">
        <f t="shared" ca="1" si="35"/>
        <v>T</v>
      </c>
      <c r="E77" s="1" t="str">
        <f t="shared" ca="1" si="36"/>
        <v>T</v>
      </c>
      <c r="F77" s="1" t="str">
        <f t="shared" ca="1" si="37"/>
        <v>T</v>
      </c>
      <c r="G77" s="1" t="str">
        <f t="shared" ca="1" si="38"/>
        <v>T</v>
      </c>
      <c r="H77" s="1" t="str">
        <f t="shared" ca="1" si="39"/>
        <v>T</v>
      </c>
      <c r="I77" s="1" t="str">
        <f t="shared" ca="1" si="40"/>
        <v>T</v>
      </c>
      <c r="J77" s="1" t="str">
        <f t="shared" ca="1" si="41"/>
        <v/>
      </c>
      <c r="K77" s="1" t="str">
        <f t="shared" ca="1" si="42"/>
        <v/>
      </c>
      <c r="L77" s="1" t="str">
        <f t="shared" ca="1" si="43"/>
        <v/>
      </c>
      <c r="M77" s="1" t="str">
        <f t="shared" ca="1" si="44"/>
        <v/>
      </c>
      <c r="N77" s="1" t="str">
        <f t="shared" ca="1" si="45"/>
        <v/>
      </c>
      <c r="O77" s="1" t="str">
        <f t="shared" ca="1" si="46"/>
        <v/>
      </c>
      <c r="P77" s="1" t="str">
        <f t="shared" ca="1" si="47"/>
        <v/>
      </c>
      <c r="Q77" s="1" t="str">
        <f t="shared" ca="1" si="48"/>
        <v/>
      </c>
      <c r="R77" s="1" t="str">
        <f t="shared" ca="1" si="49"/>
        <v/>
      </c>
      <c r="S77" s="1" t="str">
        <f t="shared" ca="1" si="50"/>
        <v/>
      </c>
      <c r="T77" s="1" t="str">
        <f t="shared" ca="1" si="51"/>
        <v/>
      </c>
      <c r="U77" s="1" t="str">
        <f t="shared" ca="1" si="52"/>
        <v/>
      </c>
      <c r="V77" s="1" t="str">
        <f t="shared" ca="1" si="53"/>
        <v/>
      </c>
      <c r="W77" s="1" t="str">
        <f t="shared" ca="1" si="54"/>
        <v/>
      </c>
      <c r="X77" s="1" t="str">
        <f t="shared" ca="1" si="55"/>
        <v/>
      </c>
      <c r="Y77" s="1" t="str">
        <f t="shared" ca="1" si="56"/>
        <v/>
      </c>
      <c r="Z77" s="1" t="str">
        <f t="shared" ca="1" si="57"/>
        <v/>
      </c>
      <c r="AA77" s="1" t="str">
        <f t="shared" ca="1" si="58"/>
        <v/>
      </c>
      <c r="AB77" s="1" t="str">
        <f t="shared" ca="1" si="59"/>
        <v/>
      </c>
      <c r="AC77" s="1" t="str">
        <f t="shared" ca="1" si="60"/>
        <v/>
      </c>
      <c r="AD77" s="1" t="str">
        <f t="shared" ca="1" si="61"/>
        <v/>
      </c>
      <c r="AE77" s="1" t="str">
        <f t="shared" ca="1" si="62"/>
        <v/>
      </c>
      <c r="AF77" s="1" t="str">
        <f t="shared" ca="1" si="63"/>
        <v/>
      </c>
      <c r="AG77" s="1" t="str">
        <f t="shared" ca="1" si="64"/>
        <v/>
      </c>
    </row>
    <row r="78" spans="1:33" x14ac:dyDescent="0.25">
      <c r="A78" s="1">
        <v>73</v>
      </c>
      <c r="B78" s="1">
        <f t="shared" ca="1" si="34"/>
        <v>0</v>
      </c>
      <c r="D78" s="1" t="str">
        <f t="shared" ca="1" si="35"/>
        <v>T</v>
      </c>
      <c r="E78" s="1" t="str">
        <f t="shared" ca="1" si="36"/>
        <v>T</v>
      </c>
      <c r="F78" s="1" t="str">
        <f t="shared" ca="1" si="37"/>
        <v>T</v>
      </c>
      <c r="G78" s="1" t="str">
        <f t="shared" ca="1" si="38"/>
        <v>T</v>
      </c>
      <c r="H78" s="1" t="str">
        <f t="shared" ca="1" si="39"/>
        <v>T</v>
      </c>
      <c r="I78" s="1" t="str">
        <f t="shared" ca="1" si="40"/>
        <v>T</v>
      </c>
      <c r="J78" s="1" t="str">
        <f t="shared" ca="1" si="41"/>
        <v/>
      </c>
      <c r="K78" s="1" t="str">
        <f t="shared" ca="1" si="42"/>
        <v/>
      </c>
      <c r="L78" s="1" t="str">
        <f t="shared" ca="1" si="43"/>
        <v/>
      </c>
      <c r="M78" s="1" t="str">
        <f t="shared" ca="1" si="44"/>
        <v/>
      </c>
      <c r="N78" s="1" t="str">
        <f t="shared" ca="1" si="45"/>
        <v/>
      </c>
      <c r="O78" s="1" t="str">
        <f t="shared" ca="1" si="46"/>
        <v/>
      </c>
      <c r="P78" s="1" t="str">
        <f t="shared" ca="1" si="47"/>
        <v/>
      </c>
      <c r="Q78" s="1" t="str">
        <f t="shared" ca="1" si="48"/>
        <v/>
      </c>
      <c r="R78" s="1" t="str">
        <f t="shared" ca="1" si="49"/>
        <v/>
      </c>
      <c r="S78" s="1" t="str">
        <f t="shared" ca="1" si="50"/>
        <v/>
      </c>
      <c r="T78" s="1" t="str">
        <f t="shared" ca="1" si="51"/>
        <v/>
      </c>
      <c r="U78" s="1" t="str">
        <f t="shared" ca="1" si="52"/>
        <v/>
      </c>
      <c r="V78" s="1" t="str">
        <f t="shared" ca="1" si="53"/>
        <v/>
      </c>
      <c r="W78" s="1" t="str">
        <f t="shared" ca="1" si="54"/>
        <v/>
      </c>
      <c r="X78" s="1" t="str">
        <f t="shared" ca="1" si="55"/>
        <v/>
      </c>
      <c r="Y78" s="1" t="str">
        <f t="shared" ca="1" si="56"/>
        <v/>
      </c>
      <c r="Z78" s="1" t="str">
        <f t="shared" ca="1" si="57"/>
        <v/>
      </c>
      <c r="AA78" s="1" t="str">
        <f t="shared" ca="1" si="58"/>
        <v/>
      </c>
      <c r="AB78" s="1" t="str">
        <f t="shared" ca="1" si="59"/>
        <v/>
      </c>
      <c r="AC78" s="1" t="str">
        <f t="shared" ca="1" si="60"/>
        <v/>
      </c>
      <c r="AD78" s="1" t="str">
        <f t="shared" ca="1" si="61"/>
        <v/>
      </c>
      <c r="AE78" s="1" t="str">
        <f t="shared" ca="1" si="62"/>
        <v/>
      </c>
      <c r="AF78" s="1" t="str">
        <f t="shared" ca="1" si="63"/>
        <v/>
      </c>
      <c r="AG78" s="1" t="str">
        <f t="shared" ca="1" si="64"/>
        <v/>
      </c>
    </row>
    <row r="79" spans="1:33" x14ac:dyDescent="0.25">
      <c r="A79" s="1">
        <v>74</v>
      </c>
      <c r="B79" s="1">
        <f t="shared" ca="1" si="34"/>
        <v>0</v>
      </c>
      <c r="D79" s="1" t="str">
        <f t="shared" ca="1" si="35"/>
        <v>T</v>
      </c>
      <c r="E79" s="1" t="str">
        <f t="shared" ca="1" si="36"/>
        <v>T</v>
      </c>
      <c r="F79" s="1" t="str">
        <f t="shared" ca="1" si="37"/>
        <v>T</v>
      </c>
      <c r="G79" s="1" t="str">
        <f t="shared" ca="1" si="38"/>
        <v>T</v>
      </c>
      <c r="H79" s="1" t="str">
        <f t="shared" ca="1" si="39"/>
        <v>T</v>
      </c>
      <c r="I79" s="1" t="str">
        <f t="shared" ca="1" si="40"/>
        <v>T</v>
      </c>
      <c r="J79" s="1" t="str">
        <f t="shared" ca="1" si="41"/>
        <v/>
      </c>
      <c r="K79" s="1" t="str">
        <f t="shared" ca="1" si="42"/>
        <v/>
      </c>
      <c r="L79" s="1" t="str">
        <f t="shared" ca="1" si="43"/>
        <v/>
      </c>
      <c r="M79" s="1" t="str">
        <f t="shared" ca="1" si="44"/>
        <v/>
      </c>
      <c r="N79" s="1" t="str">
        <f t="shared" ca="1" si="45"/>
        <v/>
      </c>
      <c r="O79" s="1" t="str">
        <f t="shared" ca="1" si="46"/>
        <v/>
      </c>
      <c r="P79" s="1" t="str">
        <f t="shared" ca="1" si="47"/>
        <v/>
      </c>
      <c r="Q79" s="1" t="str">
        <f t="shared" ca="1" si="48"/>
        <v/>
      </c>
      <c r="R79" s="1" t="str">
        <f t="shared" ca="1" si="49"/>
        <v/>
      </c>
      <c r="S79" s="1" t="str">
        <f t="shared" ca="1" si="50"/>
        <v/>
      </c>
      <c r="T79" s="1" t="str">
        <f t="shared" ca="1" si="51"/>
        <v/>
      </c>
      <c r="U79" s="1" t="str">
        <f t="shared" ca="1" si="52"/>
        <v/>
      </c>
      <c r="V79" s="1" t="str">
        <f t="shared" ca="1" si="53"/>
        <v/>
      </c>
      <c r="W79" s="1" t="str">
        <f t="shared" ca="1" si="54"/>
        <v/>
      </c>
      <c r="X79" s="1" t="str">
        <f t="shared" ca="1" si="55"/>
        <v/>
      </c>
      <c r="Y79" s="1" t="str">
        <f t="shared" ca="1" si="56"/>
        <v/>
      </c>
      <c r="Z79" s="1" t="str">
        <f t="shared" ca="1" si="57"/>
        <v/>
      </c>
      <c r="AA79" s="1" t="str">
        <f t="shared" ca="1" si="58"/>
        <v/>
      </c>
      <c r="AB79" s="1" t="str">
        <f t="shared" ca="1" si="59"/>
        <v/>
      </c>
      <c r="AC79" s="1" t="str">
        <f t="shared" ca="1" si="60"/>
        <v/>
      </c>
      <c r="AD79" s="1" t="str">
        <f t="shared" ca="1" si="61"/>
        <v/>
      </c>
      <c r="AE79" s="1" t="str">
        <f t="shared" ca="1" si="62"/>
        <v/>
      </c>
      <c r="AF79" s="1" t="str">
        <f t="shared" ca="1" si="63"/>
        <v/>
      </c>
      <c r="AG79" s="1" t="str">
        <f t="shared" ca="1" si="64"/>
        <v/>
      </c>
    </row>
    <row r="80" spans="1:33" x14ac:dyDescent="0.25">
      <c r="A80" s="1">
        <v>75</v>
      </c>
      <c r="B80" s="1">
        <f t="shared" ca="1" si="34"/>
        <v>0</v>
      </c>
      <c r="D80" s="1" t="str">
        <f t="shared" ca="1" si="35"/>
        <v>T</v>
      </c>
      <c r="E80" s="1" t="str">
        <f t="shared" ca="1" si="36"/>
        <v>T</v>
      </c>
      <c r="F80" s="1" t="str">
        <f t="shared" ca="1" si="37"/>
        <v>T</v>
      </c>
      <c r="G80" s="1" t="str">
        <f t="shared" ca="1" si="38"/>
        <v>T</v>
      </c>
      <c r="H80" s="1" t="str">
        <f t="shared" ca="1" si="39"/>
        <v>T</v>
      </c>
      <c r="I80" s="1" t="str">
        <f t="shared" ca="1" si="40"/>
        <v>T</v>
      </c>
      <c r="J80" s="1" t="str">
        <f t="shared" ca="1" si="41"/>
        <v/>
      </c>
      <c r="K80" s="1" t="str">
        <f t="shared" ca="1" si="42"/>
        <v/>
      </c>
      <c r="L80" s="1" t="str">
        <f t="shared" ca="1" si="43"/>
        <v/>
      </c>
      <c r="M80" s="1" t="str">
        <f t="shared" ca="1" si="44"/>
        <v/>
      </c>
      <c r="N80" s="1" t="str">
        <f t="shared" ca="1" si="45"/>
        <v/>
      </c>
      <c r="O80" s="1" t="str">
        <f t="shared" ca="1" si="46"/>
        <v/>
      </c>
      <c r="P80" s="1" t="str">
        <f t="shared" ca="1" si="47"/>
        <v/>
      </c>
      <c r="Q80" s="1" t="str">
        <f t="shared" ca="1" si="48"/>
        <v/>
      </c>
      <c r="R80" s="1" t="str">
        <f t="shared" ca="1" si="49"/>
        <v/>
      </c>
      <c r="S80" s="1" t="str">
        <f t="shared" ca="1" si="50"/>
        <v/>
      </c>
      <c r="T80" s="1" t="str">
        <f t="shared" ca="1" si="51"/>
        <v/>
      </c>
      <c r="U80" s="1" t="str">
        <f t="shared" ca="1" si="52"/>
        <v/>
      </c>
      <c r="V80" s="1" t="str">
        <f t="shared" ca="1" si="53"/>
        <v/>
      </c>
      <c r="W80" s="1" t="str">
        <f t="shared" ca="1" si="54"/>
        <v/>
      </c>
      <c r="X80" s="1" t="str">
        <f t="shared" ca="1" si="55"/>
        <v/>
      </c>
      <c r="Y80" s="1" t="str">
        <f t="shared" ca="1" si="56"/>
        <v/>
      </c>
      <c r="Z80" s="1" t="str">
        <f t="shared" ca="1" si="57"/>
        <v/>
      </c>
      <c r="AA80" s="1" t="str">
        <f t="shared" ca="1" si="58"/>
        <v/>
      </c>
      <c r="AB80" s="1" t="str">
        <f t="shared" ca="1" si="59"/>
        <v/>
      </c>
      <c r="AC80" s="1" t="str">
        <f t="shared" ca="1" si="60"/>
        <v/>
      </c>
      <c r="AD80" s="1" t="str">
        <f t="shared" ca="1" si="61"/>
        <v/>
      </c>
      <c r="AE80" s="1" t="str">
        <f t="shared" ca="1" si="62"/>
        <v/>
      </c>
      <c r="AF80" s="1" t="str">
        <f t="shared" ca="1" si="63"/>
        <v/>
      </c>
      <c r="AG80" s="1" t="str">
        <f t="shared" ca="1" si="64"/>
        <v/>
      </c>
    </row>
    <row r="81" spans="1:33" x14ac:dyDescent="0.25">
      <c r="A81" s="1">
        <v>76</v>
      </c>
      <c r="B81" s="1">
        <f t="shared" ca="1" si="34"/>
        <v>0</v>
      </c>
      <c r="D81" s="1" t="str">
        <f t="shared" ca="1" si="35"/>
        <v>T</v>
      </c>
      <c r="E81" s="1" t="str">
        <f t="shared" ca="1" si="36"/>
        <v>T</v>
      </c>
      <c r="F81" s="1" t="str">
        <f t="shared" ca="1" si="37"/>
        <v>T</v>
      </c>
      <c r="G81" s="1" t="str">
        <f t="shared" ca="1" si="38"/>
        <v>T</v>
      </c>
      <c r="H81" s="1" t="str">
        <f t="shared" ca="1" si="39"/>
        <v>T</v>
      </c>
      <c r="I81" s="1" t="str">
        <f t="shared" ca="1" si="40"/>
        <v>T</v>
      </c>
      <c r="J81" s="1" t="str">
        <f t="shared" ca="1" si="41"/>
        <v/>
      </c>
      <c r="K81" s="1" t="str">
        <f t="shared" ca="1" si="42"/>
        <v/>
      </c>
      <c r="L81" s="1" t="str">
        <f t="shared" ca="1" si="43"/>
        <v/>
      </c>
      <c r="M81" s="1" t="str">
        <f t="shared" ca="1" si="44"/>
        <v/>
      </c>
      <c r="N81" s="1" t="str">
        <f t="shared" ca="1" si="45"/>
        <v/>
      </c>
      <c r="O81" s="1" t="str">
        <f t="shared" ca="1" si="46"/>
        <v/>
      </c>
      <c r="P81" s="1" t="str">
        <f t="shared" ca="1" si="47"/>
        <v/>
      </c>
      <c r="Q81" s="1" t="str">
        <f t="shared" ca="1" si="48"/>
        <v/>
      </c>
      <c r="R81" s="1" t="str">
        <f t="shared" ca="1" si="49"/>
        <v/>
      </c>
      <c r="S81" s="1" t="str">
        <f t="shared" ca="1" si="50"/>
        <v/>
      </c>
      <c r="T81" s="1" t="str">
        <f t="shared" ca="1" si="51"/>
        <v/>
      </c>
      <c r="U81" s="1" t="str">
        <f t="shared" ca="1" si="52"/>
        <v/>
      </c>
      <c r="V81" s="1" t="str">
        <f t="shared" ca="1" si="53"/>
        <v/>
      </c>
      <c r="W81" s="1" t="str">
        <f t="shared" ca="1" si="54"/>
        <v/>
      </c>
      <c r="X81" s="1" t="str">
        <f t="shared" ca="1" si="55"/>
        <v/>
      </c>
      <c r="Y81" s="1" t="str">
        <f t="shared" ca="1" si="56"/>
        <v/>
      </c>
      <c r="Z81" s="1" t="str">
        <f t="shared" ca="1" si="57"/>
        <v/>
      </c>
      <c r="AA81" s="1" t="str">
        <f t="shared" ca="1" si="58"/>
        <v/>
      </c>
      <c r="AB81" s="1" t="str">
        <f t="shared" ca="1" si="59"/>
        <v/>
      </c>
      <c r="AC81" s="1" t="str">
        <f t="shared" ca="1" si="60"/>
        <v/>
      </c>
      <c r="AD81" s="1" t="str">
        <f t="shared" ca="1" si="61"/>
        <v/>
      </c>
      <c r="AE81" s="1" t="str">
        <f t="shared" ca="1" si="62"/>
        <v/>
      </c>
      <c r="AF81" s="1" t="str">
        <f t="shared" ca="1" si="63"/>
        <v/>
      </c>
      <c r="AG81" s="1" t="str">
        <f t="shared" ca="1" si="64"/>
        <v/>
      </c>
    </row>
    <row r="82" spans="1:33" x14ac:dyDescent="0.25">
      <c r="A82" s="1">
        <v>77</v>
      </c>
      <c r="B82" s="1">
        <f t="shared" ca="1" si="34"/>
        <v>0</v>
      </c>
      <c r="D82" s="1" t="str">
        <f t="shared" ca="1" si="35"/>
        <v>T</v>
      </c>
      <c r="E82" s="1" t="str">
        <f t="shared" ca="1" si="36"/>
        <v>T</v>
      </c>
      <c r="F82" s="1" t="str">
        <f t="shared" ca="1" si="37"/>
        <v>T</v>
      </c>
      <c r="G82" s="1" t="str">
        <f t="shared" ca="1" si="38"/>
        <v>T</v>
      </c>
      <c r="H82" s="1" t="str">
        <f t="shared" ca="1" si="39"/>
        <v>T</v>
      </c>
      <c r="I82" s="1" t="str">
        <f t="shared" ca="1" si="40"/>
        <v>T</v>
      </c>
      <c r="J82" s="1" t="str">
        <f t="shared" ca="1" si="41"/>
        <v/>
      </c>
      <c r="K82" s="1" t="str">
        <f t="shared" ca="1" si="42"/>
        <v/>
      </c>
      <c r="L82" s="1" t="str">
        <f t="shared" ca="1" si="43"/>
        <v/>
      </c>
      <c r="M82" s="1" t="str">
        <f t="shared" ca="1" si="44"/>
        <v/>
      </c>
      <c r="N82" s="1" t="str">
        <f t="shared" ca="1" si="45"/>
        <v/>
      </c>
      <c r="O82" s="1" t="str">
        <f t="shared" ca="1" si="46"/>
        <v/>
      </c>
      <c r="P82" s="1" t="str">
        <f t="shared" ca="1" si="47"/>
        <v/>
      </c>
      <c r="Q82" s="1" t="str">
        <f t="shared" ca="1" si="48"/>
        <v/>
      </c>
      <c r="R82" s="1" t="str">
        <f t="shared" ca="1" si="49"/>
        <v/>
      </c>
      <c r="S82" s="1" t="str">
        <f t="shared" ca="1" si="50"/>
        <v/>
      </c>
      <c r="T82" s="1" t="str">
        <f t="shared" ca="1" si="51"/>
        <v/>
      </c>
      <c r="U82" s="1" t="str">
        <f t="shared" ca="1" si="52"/>
        <v/>
      </c>
      <c r="V82" s="1" t="str">
        <f t="shared" ca="1" si="53"/>
        <v/>
      </c>
      <c r="W82" s="1" t="str">
        <f t="shared" ca="1" si="54"/>
        <v/>
      </c>
      <c r="X82" s="1" t="str">
        <f t="shared" ca="1" si="55"/>
        <v/>
      </c>
      <c r="Y82" s="1" t="str">
        <f t="shared" ca="1" si="56"/>
        <v/>
      </c>
      <c r="Z82" s="1" t="str">
        <f t="shared" ca="1" si="57"/>
        <v/>
      </c>
      <c r="AA82" s="1" t="str">
        <f t="shared" ca="1" si="58"/>
        <v/>
      </c>
      <c r="AB82" s="1" t="str">
        <f t="shared" ca="1" si="59"/>
        <v/>
      </c>
      <c r="AC82" s="1" t="str">
        <f t="shared" ca="1" si="60"/>
        <v/>
      </c>
      <c r="AD82" s="1" t="str">
        <f t="shared" ca="1" si="61"/>
        <v/>
      </c>
      <c r="AE82" s="1" t="str">
        <f t="shared" ca="1" si="62"/>
        <v/>
      </c>
      <c r="AF82" s="1" t="str">
        <f t="shared" ca="1" si="63"/>
        <v/>
      </c>
      <c r="AG82" s="1" t="str">
        <f t="shared" ca="1" si="64"/>
        <v/>
      </c>
    </row>
    <row r="83" spans="1:33" x14ac:dyDescent="0.25">
      <c r="A83" s="1">
        <v>78</v>
      </c>
      <c r="B83" s="1">
        <f t="shared" ca="1" si="34"/>
        <v>0</v>
      </c>
      <c r="D83" s="1" t="str">
        <f t="shared" ca="1" si="35"/>
        <v>T</v>
      </c>
      <c r="E83" s="1" t="str">
        <f t="shared" ca="1" si="36"/>
        <v>T</v>
      </c>
      <c r="F83" s="1" t="str">
        <f t="shared" ca="1" si="37"/>
        <v>T</v>
      </c>
      <c r="G83" s="1" t="str">
        <f t="shared" ca="1" si="38"/>
        <v>T</v>
      </c>
      <c r="H83" s="1" t="str">
        <f t="shared" ca="1" si="39"/>
        <v>T</v>
      </c>
      <c r="I83" s="1" t="str">
        <f t="shared" ca="1" si="40"/>
        <v>T</v>
      </c>
      <c r="J83" s="1" t="str">
        <f t="shared" ca="1" si="41"/>
        <v/>
      </c>
      <c r="K83" s="1" t="str">
        <f t="shared" ca="1" si="42"/>
        <v/>
      </c>
      <c r="L83" s="1" t="str">
        <f t="shared" ca="1" si="43"/>
        <v/>
      </c>
      <c r="M83" s="1" t="str">
        <f t="shared" ca="1" si="44"/>
        <v/>
      </c>
      <c r="N83" s="1" t="str">
        <f t="shared" ca="1" si="45"/>
        <v/>
      </c>
      <c r="O83" s="1" t="str">
        <f t="shared" ca="1" si="46"/>
        <v/>
      </c>
      <c r="P83" s="1" t="str">
        <f t="shared" ca="1" si="47"/>
        <v/>
      </c>
      <c r="Q83" s="1" t="str">
        <f t="shared" ca="1" si="48"/>
        <v/>
      </c>
      <c r="R83" s="1" t="str">
        <f t="shared" ca="1" si="49"/>
        <v/>
      </c>
      <c r="S83" s="1" t="str">
        <f t="shared" ca="1" si="50"/>
        <v/>
      </c>
      <c r="T83" s="1" t="str">
        <f t="shared" ca="1" si="51"/>
        <v/>
      </c>
      <c r="U83" s="1" t="str">
        <f t="shared" ca="1" si="52"/>
        <v/>
      </c>
      <c r="V83" s="1" t="str">
        <f t="shared" ca="1" si="53"/>
        <v/>
      </c>
      <c r="W83" s="1" t="str">
        <f t="shared" ca="1" si="54"/>
        <v/>
      </c>
      <c r="X83" s="1" t="str">
        <f t="shared" ca="1" si="55"/>
        <v/>
      </c>
      <c r="Y83" s="1" t="str">
        <f t="shared" ca="1" si="56"/>
        <v/>
      </c>
      <c r="Z83" s="1" t="str">
        <f t="shared" ca="1" si="57"/>
        <v/>
      </c>
      <c r="AA83" s="1" t="str">
        <f t="shared" ca="1" si="58"/>
        <v/>
      </c>
      <c r="AB83" s="1" t="str">
        <f t="shared" ca="1" si="59"/>
        <v/>
      </c>
      <c r="AC83" s="1" t="str">
        <f t="shared" ca="1" si="60"/>
        <v/>
      </c>
      <c r="AD83" s="1" t="str">
        <f t="shared" ca="1" si="61"/>
        <v/>
      </c>
      <c r="AE83" s="1" t="str">
        <f t="shared" ca="1" si="62"/>
        <v/>
      </c>
      <c r="AF83" s="1" t="str">
        <f t="shared" ca="1" si="63"/>
        <v/>
      </c>
      <c r="AG83" s="1" t="str">
        <f t="shared" ca="1" si="64"/>
        <v/>
      </c>
    </row>
    <row r="84" spans="1:33" x14ac:dyDescent="0.25">
      <c r="A84" s="1">
        <v>79</v>
      </c>
      <c r="B84" s="1">
        <f t="shared" ca="1" si="34"/>
        <v>0</v>
      </c>
      <c r="D84" s="1" t="str">
        <f t="shared" ca="1" si="35"/>
        <v>T</v>
      </c>
      <c r="E84" s="1" t="str">
        <f t="shared" ca="1" si="36"/>
        <v>T</v>
      </c>
      <c r="F84" s="1" t="str">
        <f t="shared" ca="1" si="37"/>
        <v>T</v>
      </c>
      <c r="G84" s="1" t="str">
        <f t="shared" ca="1" si="38"/>
        <v>T</v>
      </c>
      <c r="H84" s="1" t="str">
        <f t="shared" ca="1" si="39"/>
        <v>T</v>
      </c>
      <c r="I84" s="1" t="str">
        <f t="shared" ca="1" si="40"/>
        <v>T</v>
      </c>
      <c r="J84" s="1" t="str">
        <f t="shared" ca="1" si="41"/>
        <v/>
      </c>
      <c r="K84" s="1" t="str">
        <f t="shared" ca="1" si="42"/>
        <v/>
      </c>
      <c r="L84" s="1" t="str">
        <f t="shared" ca="1" si="43"/>
        <v/>
      </c>
      <c r="M84" s="1" t="str">
        <f t="shared" ca="1" si="44"/>
        <v/>
      </c>
      <c r="N84" s="1" t="str">
        <f t="shared" ca="1" si="45"/>
        <v/>
      </c>
      <c r="O84" s="1" t="str">
        <f t="shared" ca="1" si="46"/>
        <v/>
      </c>
      <c r="P84" s="1" t="str">
        <f t="shared" ca="1" si="47"/>
        <v/>
      </c>
      <c r="Q84" s="1" t="str">
        <f t="shared" ca="1" si="48"/>
        <v/>
      </c>
      <c r="R84" s="1" t="str">
        <f t="shared" ca="1" si="49"/>
        <v/>
      </c>
      <c r="S84" s="1" t="str">
        <f t="shared" ca="1" si="50"/>
        <v/>
      </c>
      <c r="T84" s="1" t="str">
        <f t="shared" ca="1" si="51"/>
        <v/>
      </c>
      <c r="U84" s="1" t="str">
        <f t="shared" ca="1" si="52"/>
        <v/>
      </c>
      <c r="V84" s="1" t="str">
        <f t="shared" ca="1" si="53"/>
        <v/>
      </c>
      <c r="W84" s="1" t="str">
        <f t="shared" ca="1" si="54"/>
        <v/>
      </c>
      <c r="X84" s="1" t="str">
        <f t="shared" ca="1" si="55"/>
        <v/>
      </c>
      <c r="Y84" s="1" t="str">
        <f t="shared" ca="1" si="56"/>
        <v/>
      </c>
      <c r="Z84" s="1" t="str">
        <f t="shared" ca="1" si="57"/>
        <v/>
      </c>
      <c r="AA84" s="1" t="str">
        <f t="shared" ca="1" si="58"/>
        <v/>
      </c>
      <c r="AB84" s="1" t="str">
        <f t="shared" ca="1" si="59"/>
        <v/>
      </c>
      <c r="AC84" s="1" t="str">
        <f t="shared" ca="1" si="60"/>
        <v/>
      </c>
      <c r="AD84" s="1" t="str">
        <f t="shared" ca="1" si="61"/>
        <v/>
      </c>
      <c r="AE84" s="1" t="str">
        <f t="shared" ca="1" si="62"/>
        <v/>
      </c>
      <c r="AF84" s="1" t="str">
        <f t="shared" ca="1" si="63"/>
        <v/>
      </c>
      <c r="AG84" s="1" t="str">
        <f t="shared" ca="1" si="64"/>
        <v/>
      </c>
    </row>
    <row r="85" spans="1:33" x14ac:dyDescent="0.25">
      <c r="A85" s="1">
        <v>80</v>
      </c>
      <c r="B85" s="1">
        <f t="shared" ca="1" si="34"/>
        <v>0</v>
      </c>
      <c r="D85" s="1" t="str">
        <f t="shared" ca="1" si="35"/>
        <v>T</v>
      </c>
      <c r="E85" s="1" t="str">
        <f t="shared" ca="1" si="36"/>
        <v>T</v>
      </c>
      <c r="F85" s="1" t="str">
        <f t="shared" ca="1" si="37"/>
        <v>T</v>
      </c>
      <c r="G85" s="1" t="str">
        <f t="shared" ca="1" si="38"/>
        <v>T</v>
      </c>
      <c r="H85" s="1" t="str">
        <f t="shared" ca="1" si="39"/>
        <v>T</v>
      </c>
      <c r="I85" s="1" t="str">
        <f t="shared" ca="1" si="40"/>
        <v>T</v>
      </c>
      <c r="J85" s="1" t="str">
        <f t="shared" ca="1" si="41"/>
        <v/>
      </c>
      <c r="K85" s="1" t="str">
        <f t="shared" ca="1" si="42"/>
        <v/>
      </c>
      <c r="L85" s="1" t="str">
        <f t="shared" ca="1" si="43"/>
        <v/>
      </c>
      <c r="M85" s="1" t="str">
        <f t="shared" ca="1" si="44"/>
        <v/>
      </c>
      <c r="N85" s="1" t="str">
        <f t="shared" ca="1" si="45"/>
        <v/>
      </c>
      <c r="O85" s="1" t="str">
        <f t="shared" ca="1" si="46"/>
        <v/>
      </c>
      <c r="P85" s="1" t="str">
        <f t="shared" ca="1" si="47"/>
        <v/>
      </c>
      <c r="Q85" s="1" t="str">
        <f t="shared" ca="1" si="48"/>
        <v/>
      </c>
      <c r="R85" s="1" t="str">
        <f t="shared" ca="1" si="49"/>
        <v/>
      </c>
      <c r="S85" s="1" t="str">
        <f t="shared" ca="1" si="50"/>
        <v/>
      </c>
      <c r="T85" s="1" t="str">
        <f t="shared" ca="1" si="51"/>
        <v/>
      </c>
      <c r="U85" s="1" t="str">
        <f t="shared" ca="1" si="52"/>
        <v/>
      </c>
      <c r="V85" s="1" t="str">
        <f t="shared" ca="1" si="53"/>
        <v/>
      </c>
      <c r="W85" s="1" t="str">
        <f t="shared" ca="1" si="54"/>
        <v/>
      </c>
      <c r="X85" s="1" t="str">
        <f t="shared" ca="1" si="55"/>
        <v/>
      </c>
      <c r="Y85" s="1" t="str">
        <f t="shared" ca="1" si="56"/>
        <v/>
      </c>
      <c r="Z85" s="1" t="str">
        <f t="shared" ca="1" si="57"/>
        <v/>
      </c>
      <c r="AA85" s="1" t="str">
        <f t="shared" ca="1" si="58"/>
        <v/>
      </c>
      <c r="AB85" s="1" t="str">
        <f t="shared" ca="1" si="59"/>
        <v/>
      </c>
      <c r="AC85" s="1" t="str">
        <f t="shared" ca="1" si="60"/>
        <v/>
      </c>
      <c r="AD85" s="1" t="str">
        <f t="shared" ca="1" si="61"/>
        <v/>
      </c>
      <c r="AE85" s="1" t="str">
        <f t="shared" ca="1" si="62"/>
        <v/>
      </c>
      <c r="AF85" s="1" t="str">
        <f t="shared" ca="1" si="63"/>
        <v/>
      </c>
      <c r="AG85" s="1" t="str">
        <f t="shared" ca="1" si="64"/>
        <v/>
      </c>
    </row>
    <row r="86" spans="1:33" x14ac:dyDescent="0.25">
      <c r="A86" s="1">
        <v>81</v>
      </c>
      <c r="B86" s="1">
        <f t="shared" ca="1" si="34"/>
        <v>0</v>
      </c>
      <c r="D86" s="1" t="str">
        <f t="shared" ca="1" si="35"/>
        <v>T</v>
      </c>
      <c r="E86" s="1" t="str">
        <f t="shared" ca="1" si="36"/>
        <v>T</v>
      </c>
      <c r="F86" s="1" t="str">
        <f t="shared" ca="1" si="37"/>
        <v>T</v>
      </c>
      <c r="G86" s="1" t="str">
        <f t="shared" ca="1" si="38"/>
        <v>T</v>
      </c>
      <c r="H86" s="1" t="str">
        <f t="shared" ca="1" si="39"/>
        <v>T</v>
      </c>
      <c r="I86" s="1" t="str">
        <f t="shared" ca="1" si="40"/>
        <v>T</v>
      </c>
      <c r="J86" s="1" t="str">
        <f t="shared" ca="1" si="41"/>
        <v/>
      </c>
      <c r="K86" s="1" t="str">
        <f t="shared" ca="1" si="42"/>
        <v/>
      </c>
      <c r="L86" s="1" t="str">
        <f t="shared" ca="1" si="43"/>
        <v/>
      </c>
      <c r="M86" s="1" t="str">
        <f t="shared" ca="1" si="44"/>
        <v/>
      </c>
      <c r="N86" s="1" t="str">
        <f t="shared" ca="1" si="45"/>
        <v/>
      </c>
      <c r="O86" s="1" t="str">
        <f t="shared" ca="1" si="46"/>
        <v/>
      </c>
      <c r="P86" s="1" t="str">
        <f t="shared" ca="1" si="47"/>
        <v/>
      </c>
      <c r="Q86" s="1" t="str">
        <f t="shared" ca="1" si="48"/>
        <v/>
      </c>
      <c r="R86" s="1" t="str">
        <f t="shared" ca="1" si="49"/>
        <v/>
      </c>
      <c r="S86" s="1" t="str">
        <f t="shared" ca="1" si="50"/>
        <v/>
      </c>
      <c r="T86" s="1" t="str">
        <f t="shared" ca="1" si="51"/>
        <v/>
      </c>
      <c r="U86" s="1" t="str">
        <f t="shared" ca="1" si="52"/>
        <v/>
      </c>
      <c r="V86" s="1" t="str">
        <f t="shared" ca="1" si="53"/>
        <v/>
      </c>
      <c r="W86" s="1" t="str">
        <f t="shared" ca="1" si="54"/>
        <v/>
      </c>
      <c r="X86" s="1" t="str">
        <f t="shared" ca="1" si="55"/>
        <v/>
      </c>
      <c r="Y86" s="1" t="str">
        <f t="shared" ca="1" si="56"/>
        <v/>
      </c>
      <c r="Z86" s="1" t="str">
        <f t="shared" ca="1" si="57"/>
        <v/>
      </c>
      <c r="AA86" s="1" t="str">
        <f t="shared" ca="1" si="58"/>
        <v/>
      </c>
      <c r="AB86" s="1" t="str">
        <f t="shared" ca="1" si="59"/>
        <v/>
      </c>
      <c r="AC86" s="1" t="str">
        <f t="shared" ca="1" si="60"/>
        <v/>
      </c>
      <c r="AD86" s="1" t="str">
        <f t="shared" ca="1" si="61"/>
        <v/>
      </c>
      <c r="AE86" s="1" t="str">
        <f t="shared" ca="1" si="62"/>
        <v/>
      </c>
      <c r="AF86" s="1" t="str">
        <f t="shared" ca="1" si="63"/>
        <v/>
      </c>
      <c r="AG86" s="1" t="str">
        <f t="shared" ca="1" si="64"/>
        <v/>
      </c>
    </row>
    <row r="87" spans="1:33" x14ac:dyDescent="0.25">
      <c r="A87" s="1">
        <v>82</v>
      </c>
      <c r="B87" s="1">
        <f t="shared" ca="1" si="34"/>
        <v>0</v>
      </c>
      <c r="D87" s="1" t="str">
        <f t="shared" ca="1" si="35"/>
        <v>T</v>
      </c>
      <c r="E87" s="1" t="str">
        <f t="shared" ca="1" si="36"/>
        <v>T</v>
      </c>
      <c r="F87" s="1" t="str">
        <f t="shared" ca="1" si="37"/>
        <v>T</v>
      </c>
      <c r="G87" s="1" t="str">
        <f t="shared" ca="1" si="38"/>
        <v>T</v>
      </c>
      <c r="H87" s="1" t="str">
        <f t="shared" ca="1" si="39"/>
        <v>T</v>
      </c>
      <c r="I87" s="1" t="str">
        <f t="shared" ca="1" si="40"/>
        <v>T</v>
      </c>
      <c r="J87" s="1" t="str">
        <f t="shared" ca="1" si="41"/>
        <v/>
      </c>
      <c r="K87" s="1" t="str">
        <f t="shared" ca="1" si="42"/>
        <v/>
      </c>
      <c r="L87" s="1" t="str">
        <f t="shared" ca="1" si="43"/>
        <v/>
      </c>
      <c r="M87" s="1" t="str">
        <f t="shared" ca="1" si="44"/>
        <v/>
      </c>
      <c r="N87" s="1" t="str">
        <f t="shared" ca="1" si="45"/>
        <v/>
      </c>
      <c r="O87" s="1" t="str">
        <f t="shared" ca="1" si="46"/>
        <v/>
      </c>
      <c r="P87" s="1" t="str">
        <f t="shared" ca="1" si="47"/>
        <v/>
      </c>
      <c r="Q87" s="1" t="str">
        <f t="shared" ca="1" si="48"/>
        <v/>
      </c>
      <c r="R87" s="1" t="str">
        <f t="shared" ca="1" si="49"/>
        <v/>
      </c>
      <c r="S87" s="1" t="str">
        <f t="shared" ca="1" si="50"/>
        <v/>
      </c>
      <c r="T87" s="1" t="str">
        <f t="shared" ca="1" si="51"/>
        <v/>
      </c>
      <c r="U87" s="1" t="str">
        <f t="shared" ca="1" si="52"/>
        <v/>
      </c>
      <c r="V87" s="1" t="str">
        <f t="shared" ca="1" si="53"/>
        <v/>
      </c>
      <c r="W87" s="1" t="str">
        <f t="shared" ca="1" si="54"/>
        <v/>
      </c>
      <c r="X87" s="1" t="str">
        <f t="shared" ca="1" si="55"/>
        <v/>
      </c>
      <c r="Y87" s="1" t="str">
        <f t="shared" ca="1" si="56"/>
        <v/>
      </c>
      <c r="Z87" s="1" t="str">
        <f t="shared" ca="1" si="57"/>
        <v/>
      </c>
      <c r="AA87" s="1" t="str">
        <f t="shared" ca="1" si="58"/>
        <v/>
      </c>
      <c r="AB87" s="1" t="str">
        <f t="shared" ca="1" si="59"/>
        <v/>
      </c>
      <c r="AC87" s="1" t="str">
        <f t="shared" ca="1" si="60"/>
        <v/>
      </c>
      <c r="AD87" s="1" t="str">
        <f t="shared" ca="1" si="61"/>
        <v/>
      </c>
      <c r="AE87" s="1" t="str">
        <f t="shared" ca="1" si="62"/>
        <v/>
      </c>
      <c r="AF87" s="1" t="str">
        <f t="shared" ca="1" si="63"/>
        <v/>
      </c>
      <c r="AG87" s="1" t="str">
        <f t="shared" ca="1" si="64"/>
        <v/>
      </c>
    </row>
    <row r="88" spans="1:33" x14ac:dyDescent="0.25">
      <c r="A88" s="1">
        <v>83</v>
      </c>
      <c r="B88" s="1">
        <f t="shared" ca="1" si="34"/>
        <v>0</v>
      </c>
      <c r="D88" s="1" t="str">
        <f t="shared" ca="1" si="35"/>
        <v>T</v>
      </c>
      <c r="E88" s="1" t="str">
        <f t="shared" ca="1" si="36"/>
        <v>T</v>
      </c>
      <c r="F88" s="1" t="str">
        <f t="shared" ca="1" si="37"/>
        <v>T</v>
      </c>
      <c r="G88" s="1" t="str">
        <f t="shared" ca="1" si="38"/>
        <v>T</v>
      </c>
      <c r="H88" s="1" t="str">
        <f t="shared" ca="1" si="39"/>
        <v>T</v>
      </c>
      <c r="I88" s="1" t="str">
        <f t="shared" ca="1" si="40"/>
        <v>T</v>
      </c>
      <c r="J88" s="1" t="str">
        <f t="shared" ca="1" si="41"/>
        <v/>
      </c>
      <c r="K88" s="1" t="str">
        <f t="shared" ca="1" si="42"/>
        <v/>
      </c>
      <c r="L88" s="1" t="str">
        <f t="shared" ca="1" si="43"/>
        <v/>
      </c>
      <c r="M88" s="1" t="str">
        <f t="shared" ca="1" si="44"/>
        <v/>
      </c>
      <c r="N88" s="1" t="str">
        <f t="shared" ca="1" si="45"/>
        <v/>
      </c>
      <c r="O88" s="1" t="str">
        <f t="shared" ca="1" si="46"/>
        <v/>
      </c>
      <c r="P88" s="1" t="str">
        <f t="shared" ca="1" si="47"/>
        <v/>
      </c>
      <c r="Q88" s="1" t="str">
        <f t="shared" ca="1" si="48"/>
        <v/>
      </c>
      <c r="R88" s="1" t="str">
        <f t="shared" ca="1" si="49"/>
        <v/>
      </c>
      <c r="S88" s="1" t="str">
        <f t="shared" ca="1" si="50"/>
        <v/>
      </c>
      <c r="T88" s="1" t="str">
        <f t="shared" ca="1" si="51"/>
        <v/>
      </c>
      <c r="U88" s="1" t="str">
        <f t="shared" ca="1" si="52"/>
        <v/>
      </c>
      <c r="V88" s="1" t="str">
        <f t="shared" ca="1" si="53"/>
        <v/>
      </c>
      <c r="W88" s="1" t="str">
        <f t="shared" ca="1" si="54"/>
        <v/>
      </c>
      <c r="X88" s="1" t="str">
        <f t="shared" ca="1" si="55"/>
        <v/>
      </c>
      <c r="Y88" s="1" t="str">
        <f t="shared" ca="1" si="56"/>
        <v/>
      </c>
      <c r="Z88" s="1" t="str">
        <f t="shared" ca="1" si="57"/>
        <v/>
      </c>
      <c r="AA88" s="1" t="str">
        <f t="shared" ca="1" si="58"/>
        <v/>
      </c>
      <c r="AB88" s="1" t="str">
        <f t="shared" ca="1" si="59"/>
        <v/>
      </c>
      <c r="AC88" s="1" t="str">
        <f t="shared" ca="1" si="60"/>
        <v/>
      </c>
      <c r="AD88" s="1" t="str">
        <f t="shared" ca="1" si="61"/>
        <v/>
      </c>
      <c r="AE88" s="1" t="str">
        <f t="shared" ca="1" si="62"/>
        <v/>
      </c>
      <c r="AF88" s="1" t="str">
        <f t="shared" ca="1" si="63"/>
        <v/>
      </c>
      <c r="AG88" s="1" t="str">
        <f t="shared" ca="1" si="64"/>
        <v/>
      </c>
    </row>
    <row r="89" spans="1:33" x14ac:dyDescent="0.25">
      <c r="A89" s="1">
        <v>84</v>
      </c>
      <c r="B89" s="1">
        <f t="shared" ca="1" si="34"/>
        <v>0</v>
      </c>
      <c r="D89" s="1" t="str">
        <f t="shared" ca="1" si="35"/>
        <v>T</v>
      </c>
      <c r="E89" s="1" t="str">
        <f t="shared" ca="1" si="36"/>
        <v>T</v>
      </c>
      <c r="F89" s="1" t="str">
        <f t="shared" ca="1" si="37"/>
        <v>T</v>
      </c>
      <c r="G89" s="1" t="str">
        <f t="shared" ca="1" si="38"/>
        <v>T</v>
      </c>
      <c r="H89" s="1" t="str">
        <f t="shared" ca="1" si="39"/>
        <v>T</v>
      </c>
      <c r="I89" s="1" t="str">
        <f t="shared" ca="1" si="40"/>
        <v>T</v>
      </c>
      <c r="J89" s="1" t="str">
        <f t="shared" ca="1" si="41"/>
        <v/>
      </c>
      <c r="K89" s="1" t="str">
        <f t="shared" ca="1" si="42"/>
        <v/>
      </c>
      <c r="L89" s="1" t="str">
        <f t="shared" ca="1" si="43"/>
        <v/>
      </c>
      <c r="M89" s="1" t="str">
        <f t="shared" ca="1" si="44"/>
        <v/>
      </c>
      <c r="N89" s="1" t="str">
        <f t="shared" ca="1" si="45"/>
        <v/>
      </c>
      <c r="O89" s="1" t="str">
        <f t="shared" ca="1" si="46"/>
        <v/>
      </c>
      <c r="P89" s="1" t="str">
        <f t="shared" ca="1" si="47"/>
        <v/>
      </c>
      <c r="Q89" s="1" t="str">
        <f t="shared" ca="1" si="48"/>
        <v/>
      </c>
      <c r="R89" s="1" t="str">
        <f t="shared" ca="1" si="49"/>
        <v/>
      </c>
      <c r="S89" s="1" t="str">
        <f t="shared" ca="1" si="50"/>
        <v/>
      </c>
      <c r="T89" s="1" t="str">
        <f t="shared" ca="1" si="51"/>
        <v/>
      </c>
      <c r="U89" s="1" t="str">
        <f t="shared" ca="1" si="52"/>
        <v/>
      </c>
      <c r="V89" s="1" t="str">
        <f t="shared" ca="1" si="53"/>
        <v/>
      </c>
      <c r="W89" s="1" t="str">
        <f t="shared" ca="1" si="54"/>
        <v/>
      </c>
      <c r="X89" s="1" t="str">
        <f t="shared" ca="1" si="55"/>
        <v/>
      </c>
      <c r="Y89" s="1" t="str">
        <f t="shared" ca="1" si="56"/>
        <v/>
      </c>
      <c r="Z89" s="1" t="str">
        <f t="shared" ca="1" si="57"/>
        <v/>
      </c>
      <c r="AA89" s="1" t="str">
        <f t="shared" ca="1" si="58"/>
        <v/>
      </c>
      <c r="AB89" s="1" t="str">
        <f t="shared" ca="1" si="59"/>
        <v/>
      </c>
      <c r="AC89" s="1" t="str">
        <f t="shared" ca="1" si="60"/>
        <v/>
      </c>
      <c r="AD89" s="1" t="str">
        <f t="shared" ca="1" si="61"/>
        <v/>
      </c>
      <c r="AE89" s="1" t="str">
        <f t="shared" ca="1" si="62"/>
        <v/>
      </c>
      <c r="AF89" s="1" t="str">
        <f t="shared" ca="1" si="63"/>
        <v/>
      </c>
      <c r="AG89" s="1" t="str">
        <f t="shared" ca="1" si="64"/>
        <v/>
      </c>
    </row>
    <row r="90" spans="1:33" x14ac:dyDescent="0.25">
      <c r="A90" s="1">
        <v>85</v>
      </c>
      <c r="B90" s="1">
        <f t="shared" ca="1" si="34"/>
        <v>0</v>
      </c>
      <c r="D90" s="1" t="str">
        <f t="shared" ca="1" si="35"/>
        <v>T</v>
      </c>
      <c r="E90" s="1" t="str">
        <f t="shared" ca="1" si="36"/>
        <v>T</v>
      </c>
      <c r="F90" s="1" t="str">
        <f t="shared" ca="1" si="37"/>
        <v>T</v>
      </c>
      <c r="G90" s="1" t="str">
        <f t="shared" ca="1" si="38"/>
        <v>T</v>
      </c>
      <c r="H90" s="1" t="str">
        <f t="shared" ca="1" si="39"/>
        <v>T</v>
      </c>
      <c r="I90" s="1" t="str">
        <f t="shared" ca="1" si="40"/>
        <v>T</v>
      </c>
      <c r="J90" s="1" t="str">
        <f t="shared" ca="1" si="41"/>
        <v/>
      </c>
      <c r="K90" s="1" t="str">
        <f t="shared" ca="1" si="42"/>
        <v/>
      </c>
      <c r="L90" s="1" t="str">
        <f t="shared" ca="1" si="43"/>
        <v/>
      </c>
      <c r="M90" s="1" t="str">
        <f t="shared" ca="1" si="44"/>
        <v/>
      </c>
      <c r="N90" s="1" t="str">
        <f t="shared" ca="1" si="45"/>
        <v/>
      </c>
      <c r="O90" s="1" t="str">
        <f t="shared" ca="1" si="46"/>
        <v/>
      </c>
      <c r="P90" s="1" t="str">
        <f t="shared" ca="1" si="47"/>
        <v/>
      </c>
      <c r="Q90" s="1" t="str">
        <f t="shared" ca="1" si="48"/>
        <v/>
      </c>
      <c r="R90" s="1" t="str">
        <f t="shared" ca="1" si="49"/>
        <v/>
      </c>
      <c r="S90" s="1" t="str">
        <f t="shared" ca="1" si="50"/>
        <v/>
      </c>
      <c r="T90" s="1" t="str">
        <f t="shared" ca="1" si="51"/>
        <v/>
      </c>
      <c r="U90" s="1" t="str">
        <f t="shared" ca="1" si="52"/>
        <v/>
      </c>
      <c r="V90" s="1" t="str">
        <f t="shared" ca="1" si="53"/>
        <v/>
      </c>
      <c r="W90" s="1" t="str">
        <f t="shared" ca="1" si="54"/>
        <v/>
      </c>
      <c r="X90" s="1" t="str">
        <f t="shared" ca="1" si="55"/>
        <v/>
      </c>
      <c r="Y90" s="1" t="str">
        <f t="shared" ca="1" si="56"/>
        <v/>
      </c>
      <c r="Z90" s="1" t="str">
        <f t="shared" ca="1" si="57"/>
        <v/>
      </c>
      <c r="AA90" s="1" t="str">
        <f t="shared" ca="1" si="58"/>
        <v/>
      </c>
      <c r="AB90" s="1" t="str">
        <f t="shared" ca="1" si="59"/>
        <v/>
      </c>
      <c r="AC90" s="1" t="str">
        <f t="shared" ca="1" si="60"/>
        <v/>
      </c>
      <c r="AD90" s="1" t="str">
        <f t="shared" ca="1" si="61"/>
        <v/>
      </c>
      <c r="AE90" s="1" t="str">
        <f t="shared" ca="1" si="62"/>
        <v/>
      </c>
      <c r="AF90" s="1" t="str">
        <f t="shared" ca="1" si="63"/>
        <v/>
      </c>
      <c r="AG90" s="1" t="str">
        <f t="shared" ca="1" si="64"/>
        <v/>
      </c>
    </row>
    <row r="91" spans="1:33" x14ac:dyDescent="0.25">
      <c r="A91" s="1">
        <v>86</v>
      </c>
      <c r="B91" s="1">
        <f t="shared" ca="1" si="34"/>
        <v>0</v>
      </c>
      <c r="D91" s="1" t="str">
        <f t="shared" ca="1" si="35"/>
        <v>T</v>
      </c>
      <c r="E91" s="1" t="str">
        <f t="shared" ca="1" si="36"/>
        <v>T</v>
      </c>
      <c r="F91" s="1" t="str">
        <f t="shared" ca="1" si="37"/>
        <v>T</v>
      </c>
      <c r="G91" s="1" t="str">
        <f t="shared" ca="1" si="38"/>
        <v>T</v>
      </c>
      <c r="H91" s="1" t="str">
        <f t="shared" ca="1" si="39"/>
        <v>T</v>
      </c>
      <c r="I91" s="1" t="str">
        <f t="shared" ca="1" si="40"/>
        <v>T</v>
      </c>
      <c r="J91" s="1" t="str">
        <f t="shared" ca="1" si="41"/>
        <v/>
      </c>
      <c r="K91" s="1" t="str">
        <f t="shared" ca="1" si="42"/>
        <v/>
      </c>
      <c r="L91" s="1" t="str">
        <f t="shared" ca="1" si="43"/>
        <v/>
      </c>
      <c r="M91" s="1" t="str">
        <f t="shared" ca="1" si="44"/>
        <v/>
      </c>
      <c r="N91" s="1" t="str">
        <f t="shared" ca="1" si="45"/>
        <v/>
      </c>
      <c r="O91" s="1" t="str">
        <f t="shared" ca="1" si="46"/>
        <v/>
      </c>
      <c r="P91" s="1" t="str">
        <f t="shared" ca="1" si="47"/>
        <v/>
      </c>
      <c r="Q91" s="1" t="str">
        <f t="shared" ca="1" si="48"/>
        <v/>
      </c>
      <c r="R91" s="1" t="str">
        <f t="shared" ca="1" si="49"/>
        <v/>
      </c>
      <c r="S91" s="1" t="str">
        <f t="shared" ca="1" si="50"/>
        <v/>
      </c>
      <c r="T91" s="1" t="str">
        <f t="shared" ca="1" si="51"/>
        <v/>
      </c>
      <c r="U91" s="1" t="str">
        <f t="shared" ca="1" si="52"/>
        <v/>
      </c>
      <c r="V91" s="1" t="str">
        <f t="shared" ca="1" si="53"/>
        <v/>
      </c>
      <c r="W91" s="1" t="str">
        <f t="shared" ca="1" si="54"/>
        <v/>
      </c>
      <c r="X91" s="1" t="str">
        <f t="shared" ca="1" si="55"/>
        <v/>
      </c>
      <c r="Y91" s="1" t="str">
        <f t="shared" ca="1" si="56"/>
        <v/>
      </c>
      <c r="Z91" s="1" t="str">
        <f t="shared" ca="1" si="57"/>
        <v/>
      </c>
      <c r="AA91" s="1" t="str">
        <f t="shared" ca="1" si="58"/>
        <v/>
      </c>
      <c r="AB91" s="1" t="str">
        <f t="shared" ca="1" si="59"/>
        <v/>
      </c>
      <c r="AC91" s="1" t="str">
        <f t="shared" ca="1" si="60"/>
        <v/>
      </c>
      <c r="AD91" s="1" t="str">
        <f t="shared" ca="1" si="61"/>
        <v/>
      </c>
      <c r="AE91" s="1" t="str">
        <f t="shared" ca="1" si="62"/>
        <v/>
      </c>
      <c r="AF91" s="1" t="str">
        <f t="shared" ca="1" si="63"/>
        <v/>
      </c>
      <c r="AG91" s="1" t="str">
        <f t="shared" ca="1" si="64"/>
        <v/>
      </c>
    </row>
    <row r="92" spans="1:33" x14ac:dyDescent="0.25">
      <c r="A92" s="1">
        <v>87</v>
      </c>
      <c r="B92" s="1">
        <f t="shared" ca="1" si="34"/>
        <v>0</v>
      </c>
      <c r="D92" s="1" t="str">
        <f t="shared" ca="1" si="35"/>
        <v>T</v>
      </c>
      <c r="E92" s="1" t="str">
        <f t="shared" ca="1" si="36"/>
        <v>T</v>
      </c>
      <c r="F92" s="1" t="str">
        <f t="shared" ca="1" si="37"/>
        <v>T</v>
      </c>
      <c r="G92" s="1" t="str">
        <f t="shared" ca="1" si="38"/>
        <v>T</v>
      </c>
      <c r="H92" s="1" t="str">
        <f t="shared" ca="1" si="39"/>
        <v>T</v>
      </c>
      <c r="I92" s="1" t="str">
        <f t="shared" ca="1" si="40"/>
        <v>T</v>
      </c>
      <c r="J92" s="1" t="str">
        <f t="shared" ca="1" si="41"/>
        <v/>
      </c>
      <c r="K92" s="1" t="str">
        <f t="shared" ca="1" si="42"/>
        <v/>
      </c>
      <c r="L92" s="1" t="str">
        <f t="shared" ca="1" si="43"/>
        <v/>
      </c>
      <c r="M92" s="1" t="str">
        <f t="shared" ca="1" si="44"/>
        <v/>
      </c>
      <c r="N92" s="1" t="str">
        <f t="shared" ca="1" si="45"/>
        <v/>
      </c>
      <c r="O92" s="1" t="str">
        <f t="shared" ca="1" si="46"/>
        <v/>
      </c>
      <c r="P92" s="1" t="str">
        <f t="shared" ca="1" si="47"/>
        <v/>
      </c>
      <c r="Q92" s="1" t="str">
        <f t="shared" ca="1" si="48"/>
        <v/>
      </c>
      <c r="R92" s="1" t="str">
        <f t="shared" ca="1" si="49"/>
        <v/>
      </c>
      <c r="S92" s="1" t="str">
        <f t="shared" ca="1" si="50"/>
        <v/>
      </c>
      <c r="T92" s="1" t="str">
        <f t="shared" ca="1" si="51"/>
        <v/>
      </c>
      <c r="U92" s="1" t="str">
        <f t="shared" ca="1" si="52"/>
        <v/>
      </c>
      <c r="V92" s="1" t="str">
        <f t="shared" ca="1" si="53"/>
        <v/>
      </c>
      <c r="W92" s="1" t="str">
        <f t="shared" ca="1" si="54"/>
        <v/>
      </c>
      <c r="X92" s="1" t="str">
        <f t="shared" ca="1" si="55"/>
        <v/>
      </c>
      <c r="Y92" s="1" t="str">
        <f t="shared" ca="1" si="56"/>
        <v/>
      </c>
      <c r="Z92" s="1" t="str">
        <f t="shared" ca="1" si="57"/>
        <v/>
      </c>
      <c r="AA92" s="1" t="str">
        <f t="shared" ca="1" si="58"/>
        <v/>
      </c>
      <c r="AB92" s="1" t="str">
        <f t="shared" ca="1" si="59"/>
        <v/>
      </c>
      <c r="AC92" s="1" t="str">
        <f t="shared" ca="1" si="60"/>
        <v/>
      </c>
      <c r="AD92" s="1" t="str">
        <f t="shared" ca="1" si="61"/>
        <v/>
      </c>
      <c r="AE92" s="1" t="str">
        <f t="shared" ca="1" si="62"/>
        <v/>
      </c>
      <c r="AF92" s="1" t="str">
        <f t="shared" ca="1" si="63"/>
        <v/>
      </c>
      <c r="AG92" s="1" t="str">
        <f t="shared" ca="1" si="64"/>
        <v/>
      </c>
    </row>
    <row r="93" spans="1:33" x14ac:dyDescent="0.25">
      <c r="A93" s="1">
        <v>88</v>
      </c>
      <c r="B93" s="1">
        <f t="shared" ca="1" si="34"/>
        <v>0</v>
      </c>
      <c r="D93" s="1" t="str">
        <f t="shared" ca="1" si="35"/>
        <v>T</v>
      </c>
      <c r="E93" s="1" t="str">
        <f t="shared" ca="1" si="36"/>
        <v>T</v>
      </c>
      <c r="F93" s="1" t="str">
        <f t="shared" ca="1" si="37"/>
        <v>T</v>
      </c>
      <c r="G93" s="1" t="str">
        <f t="shared" ca="1" si="38"/>
        <v>T</v>
      </c>
      <c r="H93" s="1" t="str">
        <f t="shared" ca="1" si="39"/>
        <v>T</v>
      </c>
      <c r="I93" s="1" t="str">
        <f t="shared" ca="1" si="40"/>
        <v>T</v>
      </c>
      <c r="J93" s="1" t="str">
        <f t="shared" ca="1" si="41"/>
        <v/>
      </c>
      <c r="K93" s="1" t="str">
        <f t="shared" ca="1" si="42"/>
        <v/>
      </c>
      <c r="L93" s="1" t="str">
        <f t="shared" ca="1" si="43"/>
        <v/>
      </c>
      <c r="M93" s="1" t="str">
        <f t="shared" ca="1" si="44"/>
        <v/>
      </c>
      <c r="N93" s="1" t="str">
        <f t="shared" ca="1" si="45"/>
        <v/>
      </c>
      <c r="O93" s="1" t="str">
        <f t="shared" ca="1" si="46"/>
        <v/>
      </c>
      <c r="P93" s="1" t="str">
        <f t="shared" ca="1" si="47"/>
        <v/>
      </c>
      <c r="Q93" s="1" t="str">
        <f t="shared" ca="1" si="48"/>
        <v/>
      </c>
      <c r="R93" s="1" t="str">
        <f t="shared" ca="1" si="49"/>
        <v/>
      </c>
      <c r="S93" s="1" t="str">
        <f t="shared" ca="1" si="50"/>
        <v/>
      </c>
      <c r="T93" s="1" t="str">
        <f t="shared" ca="1" si="51"/>
        <v/>
      </c>
      <c r="U93" s="1" t="str">
        <f t="shared" ca="1" si="52"/>
        <v/>
      </c>
      <c r="V93" s="1" t="str">
        <f t="shared" ca="1" si="53"/>
        <v/>
      </c>
      <c r="W93" s="1" t="str">
        <f t="shared" ca="1" si="54"/>
        <v/>
      </c>
      <c r="X93" s="1" t="str">
        <f t="shared" ca="1" si="55"/>
        <v/>
      </c>
      <c r="Y93" s="1" t="str">
        <f t="shared" ca="1" si="56"/>
        <v/>
      </c>
      <c r="Z93" s="1" t="str">
        <f t="shared" ca="1" si="57"/>
        <v/>
      </c>
      <c r="AA93" s="1" t="str">
        <f t="shared" ca="1" si="58"/>
        <v/>
      </c>
      <c r="AB93" s="1" t="str">
        <f t="shared" ca="1" si="59"/>
        <v/>
      </c>
      <c r="AC93" s="1" t="str">
        <f t="shared" ca="1" si="60"/>
        <v/>
      </c>
      <c r="AD93" s="1" t="str">
        <f t="shared" ca="1" si="61"/>
        <v/>
      </c>
      <c r="AE93" s="1" t="str">
        <f t="shared" ca="1" si="62"/>
        <v/>
      </c>
      <c r="AF93" s="1" t="str">
        <f t="shared" ca="1" si="63"/>
        <v/>
      </c>
      <c r="AG93" s="1" t="str">
        <f t="shared" ca="1" si="64"/>
        <v/>
      </c>
    </row>
    <row r="94" spans="1:33" x14ac:dyDescent="0.25">
      <c r="A94" s="1">
        <v>89</v>
      </c>
      <c r="B94" s="1">
        <f t="shared" ca="1" si="34"/>
        <v>0</v>
      </c>
      <c r="D94" s="1" t="str">
        <f t="shared" ca="1" si="35"/>
        <v>T</v>
      </c>
      <c r="E94" s="1" t="str">
        <f t="shared" ca="1" si="36"/>
        <v>T</v>
      </c>
      <c r="F94" s="1" t="str">
        <f t="shared" ca="1" si="37"/>
        <v>T</v>
      </c>
      <c r="G94" s="1" t="str">
        <f t="shared" ca="1" si="38"/>
        <v>T</v>
      </c>
      <c r="H94" s="1" t="str">
        <f t="shared" ca="1" si="39"/>
        <v>T</v>
      </c>
      <c r="I94" s="1" t="str">
        <f t="shared" ca="1" si="40"/>
        <v>T</v>
      </c>
      <c r="J94" s="1" t="str">
        <f t="shared" ca="1" si="41"/>
        <v/>
      </c>
      <c r="K94" s="1" t="str">
        <f t="shared" ca="1" si="42"/>
        <v/>
      </c>
      <c r="L94" s="1" t="str">
        <f t="shared" ca="1" si="43"/>
        <v/>
      </c>
      <c r="M94" s="1" t="str">
        <f t="shared" ca="1" si="44"/>
        <v/>
      </c>
      <c r="N94" s="1" t="str">
        <f t="shared" ca="1" si="45"/>
        <v/>
      </c>
      <c r="O94" s="1" t="str">
        <f t="shared" ca="1" si="46"/>
        <v/>
      </c>
      <c r="P94" s="1" t="str">
        <f t="shared" ca="1" si="47"/>
        <v/>
      </c>
      <c r="Q94" s="1" t="str">
        <f t="shared" ca="1" si="48"/>
        <v/>
      </c>
      <c r="R94" s="1" t="str">
        <f t="shared" ca="1" si="49"/>
        <v/>
      </c>
      <c r="S94" s="1" t="str">
        <f t="shared" ca="1" si="50"/>
        <v/>
      </c>
      <c r="T94" s="1" t="str">
        <f t="shared" ca="1" si="51"/>
        <v/>
      </c>
      <c r="U94" s="1" t="str">
        <f t="shared" ca="1" si="52"/>
        <v/>
      </c>
      <c r="V94" s="1" t="str">
        <f t="shared" ca="1" si="53"/>
        <v/>
      </c>
      <c r="W94" s="1" t="str">
        <f t="shared" ca="1" si="54"/>
        <v/>
      </c>
      <c r="X94" s="1" t="str">
        <f t="shared" ca="1" si="55"/>
        <v/>
      </c>
      <c r="Y94" s="1" t="str">
        <f t="shared" ca="1" si="56"/>
        <v/>
      </c>
      <c r="Z94" s="1" t="str">
        <f t="shared" ca="1" si="57"/>
        <v/>
      </c>
      <c r="AA94" s="1" t="str">
        <f t="shared" ca="1" si="58"/>
        <v/>
      </c>
      <c r="AB94" s="1" t="str">
        <f t="shared" ca="1" si="59"/>
        <v/>
      </c>
      <c r="AC94" s="1" t="str">
        <f t="shared" ca="1" si="60"/>
        <v/>
      </c>
      <c r="AD94" s="1" t="str">
        <f t="shared" ca="1" si="61"/>
        <v/>
      </c>
      <c r="AE94" s="1" t="str">
        <f t="shared" ca="1" si="62"/>
        <v/>
      </c>
      <c r="AF94" s="1" t="str">
        <f t="shared" ca="1" si="63"/>
        <v/>
      </c>
      <c r="AG94" s="1" t="str">
        <f t="shared" ca="1" si="64"/>
        <v/>
      </c>
    </row>
    <row r="95" spans="1:33" x14ac:dyDescent="0.25">
      <c r="A95" s="1">
        <v>90</v>
      </c>
      <c r="B95" s="1">
        <f t="shared" ca="1" si="34"/>
        <v>0</v>
      </c>
      <c r="D95" s="1" t="str">
        <f t="shared" ca="1" si="35"/>
        <v>T</v>
      </c>
      <c r="E95" s="1" t="str">
        <f t="shared" ca="1" si="36"/>
        <v>T</v>
      </c>
      <c r="F95" s="1" t="str">
        <f t="shared" ca="1" si="37"/>
        <v>T</v>
      </c>
      <c r="G95" s="1" t="str">
        <f t="shared" ca="1" si="38"/>
        <v>T</v>
      </c>
      <c r="H95" s="1" t="str">
        <f t="shared" ca="1" si="39"/>
        <v>T</v>
      </c>
      <c r="I95" s="1" t="str">
        <f t="shared" ca="1" si="40"/>
        <v>T</v>
      </c>
      <c r="J95" s="1" t="str">
        <f t="shared" ca="1" si="41"/>
        <v/>
      </c>
      <c r="K95" s="1" t="str">
        <f t="shared" ca="1" si="42"/>
        <v/>
      </c>
      <c r="L95" s="1" t="str">
        <f t="shared" ca="1" si="43"/>
        <v/>
      </c>
      <c r="M95" s="1" t="str">
        <f t="shared" ca="1" si="44"/>
        <v/>
      </c>
      <c r="N95" s="1" t="str">
        <f t="shared" ca="1" si="45"/>
        <v/>
      </c>
      <c r="O95" s="1" t="str">
        <f t="shared" ca="1" si="46"/>
        <v/>
      </c>
      <c r="P95" s="1" t="str">
        <f t="shared" ca="1" si="47"/>
        <v/>
      </c>
      <c r="Q95" s="1" t="str">
        <f t="shared" ca="1" si="48"/>
        <v/>
      </c>
      <c r="R95" s="1" t="str">
        <f t="shared" ca="1" si="49"/>
        <v/>
      </c>
      <c r="S95" s="1" t="str">
        <f t="shared" ca="1" si="50"/>
        <v/>
      </c>
      <c r="T95" s="1" t="str">
        <f t="shared" ca="1" si="51"/>
        <v/>
      </c>
      <c r="U95" s="1" t="str">
        <f t="shared" ca="1" si="52"/>
        <v/>
      </c>
      <c r="V95" s="1" t="str">
        <f t="shared" ca="1" si="53"/>
        <v/>
      </c>
      <c r="W95" s="1" t="str">
        <f t="shared" ca="1" si="54"/>
        <v/>
      </c>
      <c r="X95" s="1" t="str">
        <f t="shared" ca="1" si="55"/>
        <v/>
      </c>
      <c r="Y95" s="1" t="str">
        <f t="shared" ca="1" si="56"/>
        <v/>
      </c>
      <c r="Z95" s="1" t="str">
        <f t="shared" ca="1" si="57"/>
        <v/>
      </c>
      <c r="AA95" s="1" t="str">
        <f t="shared" ca="1" si="58"/>
        <v/>
      </c>
      <c r="AB95" s="1" t="str">
        <f t="shared" ca="1" si="59"/>
        <v/>
      </c>
      <c r="AC95" s="1" t="str">
        <f t="shared" ca="1" si="60"/>
        <v/>
      </c>
      <c r="AD95" s="1" t="str">
        <f t="shared" ca="1" si="61"/>
        <v/>
      </c>
      <c r="AE95" s="1" t="str">
        <f t="shared" ca="1" si="62"/>
        <v/>
      </c>
      <c r="AF95" s="1" t="str">
        <f t="shared" ca="1" si="63"/>
        <v/>
      </c>
      <c r="AG95" s="1" t="str">
        <f t="shared" ca="1" si="64"/>
        <v/>
      </c>
    </row>
    <row r="96" spans="1:33" x14ac:dyDescent="0.25">
      <c r="A96" s="1">
        <v>91</v>
      </c>
      <c r="B96" s="1">
        <f t="shared" ca="1" si="34"/>
        <v>0</v>
      </c>
      <c r="D96" s="1" t="str">
        <f t="shared" ca="1" si="35"/>
        <v>T</v>
      </c>
      <c r="E96" s="1" t="str">
        <f t="shared" ca="1" si="36"/>
        <v>T</v>
      </c>
      <c r="F96" s="1" t="str">
        <f t="shared" ca="1" si="37"/>
        <v>T</v>
      </c>
      <c r="G96" s="1" t="str">
        <f t="shared" ca="1" si="38"/>
        <v>T</v>
      </c>
      <c r="H96" s="1" t="str">
        <f t="shared" ca="1" si="39"/>
        <v>T</v>
      </c>
      <c r="I96" s="1" t="str">
        <f t="shared" ca="1" si="40"/>
        <v>T</v>
      </c>
      <c r="J96" s="1" t="str">
        <f t="shared" ca="1" si="41"/>
        <v/>
      </c>
      <c r="K96" s="1" t="str">
        <f t="shared" ca="1" si="42"/>
        <v/>
      </c>
      <c r="L96" s="1" t="str">
        <f t="shared" ca="1" si="43"/>
        <v/>
      </c>
      <c r="M96" s="1" t="str">
        <f t="shared" ca="1" si="44"/>
        <v/>
      </c>
      <c r="N96" s="1" t="str">
        <f t="shared" ca="1" si="45"/>
        <v/>
      </c>
      <c r="O96" s="1" t="str">
        <f t="shared" ca="1" si="46"/>
        <v/>
      </c>
      <c r="P96" s="1" t="str">
        <f t="shared" ca="1" si="47"/>
        <v/>
      </c>
      <c r="Q96" s="1" t="str">
        <f t="shared" ca="1" si="48"/>
        <v/>
      </c>
      <c r="R96" s="1" t="str">
        <f t="shared" ca="1" si="49"/>
        <v/>
      </c>
      <c r="S96" s="1" t="str">
        <f t="shared" ca="1" si="50"/>
        <v/>
      </c>
      <c r="T96" s="1" t="str">
        <f t="shared" ca="1" si="51"/>
        <v/>
      </c>
      <c r="U96" s="1" t="str">
        <f t="shared" ca="1" si="52"/>
        <v/>
      </c>
      <c r="V96" s="1" t="str">
        <f t="shared" ca="1" si="53"/>
        <v/>
      </c>
      <c r="W96" s="1" t="str">
        <f t="shared" ca="1" si="54"/>
        <v/>
      </c>
      <c r="X96" s="1" t="str">
        <f t="shared" ca="1" si="55"/>
        <v/>
      </c>
      <c r="Y96" s="1" t="str">
        <f t="shared" ca="1" si="56"/>
        <v/>
      </c>
      <c r="Z96" s="1" t="str">
        <f t="shared" ca="1" si="57"/>
        <v/>
      </c>
      <c r="AA96" s="1" t="str">
        <f t="shared" ca="1" si="58"/>
        <v/>
      </c>
      <c r="AB96" s="1" t="str">
        <f t="shared" ca="1" si="59"/>
        <v/>
      </c>
      <c r="AC96" s="1" t="str">
        <f t="shared" ca="1" si="60"/>
        <v/>
      </c>
      <c r="AD96" s="1" t="str">
        <f t="shared" ca="1" si="61"/>
        <v/>
      </c>
      <c r="AE96" s="1" t="str">
        <f t="shared" ca="1" si="62"/>
        <v/>
      </c>
      <c r="AF96" s="1" t="str">
        <f t="shared" ca="1" si="63"/>
        <v/>
      </c>
      <c r="AG96" s="1" t="str">
        <f t="shared" ca="1" si="64"/>
        <v/>
      </c>
    </row>
    <row r="97" spans="1:33" x14ac:dyDescent="0.25">
      <c r="A97" s="1">
        <v>92</v>
      </c>
      <c r="B97" s="1">
        <f t="shared" ca="1" si="34"/>
        <v>0</v>
      </c>
      <c r="D97" s="1" t="str">
        <f t="shared" ca="1" si="35"/>
        <v>T</v>
      </c>
      <c r="E97" s="1" t="str">
        <f t="shared" ca="1" si="36"/>
        <v>T</v>
      </c>
      <c r="F97" s="1" t="str">
        <f t="shared" ca="1" si="37"/>
        <v>T</v>
      </c>
      <c r="G97" s="1" t="str">
        <f t="shared" ca="1" si="38"/>
        <v>T</v>
      </c>
      <c r="H97" s="1" t="str">
        <f t="shared" ca="1" si="39"/>
        <v>T</v>
      </c>
      <c r="I97" s="1" t="str">
        <f t="shared" ca="1" si="40"/>
        <v>T</v>
      </c>
      <c r="J97" s="1" t="str">
        <f t="shared" ca="1" si="41"/>
        <v/>
      </c>
      <c r="K97" s="1" t="str">
        <f t="shared" ca="1" si="42"/>
        <v/>
      </c>
      <c r="L97" s="1" t="str">
        <f t="shared" ca="1" si="43"/>
        <v/>
      </c>
      <c r="M97" s="1" t="str">
        <f t="shared" ca="1" si="44"/>
        <v/>
      </c>
      <c r="N97" s="1" t="str">
        <f t="shared" ca="1" si="45"/>
        <v/>
      </c>
      <c r="O97" s="1" t="str">
        <f t="shared" ca="1" si="46"/>
        <v/>
      </c>
      <c r="P97" s="1" t="str">
        <f t="shared" ca="1" si="47"/>
        <v/>
      </c>
      <c r="Q97" s="1" t="str">
        <f t="shared" ca="1" si="48"/>
        <v/>
      </c>
      <c r="R97" s="1" t="str">
        <f t="shared" ca="1" si="49"/>
        <v/>
      </c>
      <c r="S97" s="1" t="str">
        <f t="shared" ca="1" si="50"/>
        <v/>
      </c>
      <c r="T97" s="1" t="str">
        <f t="shared" ca="1" si="51"/>
        <v/>
      </c>
      <c r="U97" s="1" t="str">
        <f t="shared" ca="1" si="52"/>
        <v/>
      </c>
      <c r="V97" s="1" t="str">
        <f t="shared" ca="1" si="53"/>
        <v/>
      </c>
      <c r="W97" s="1" t="str">
        <f t="shared" ca="1" si="54"/>
        <v/>
      </c>
      <c r="X97" s="1" t="str">
        <f t="shared" ca="1" si="55"/>
        <v/>
      </c>
      <c r="Y97" s="1" t="str">
        <f t="shared" ca="1" si="56"/>
        <v/>
      </c>
      <c r="Z97" s="1" t="str">
        <f t="shared" ca="1" si="57"/>
        <v/>
      </c>
      <c r="AA97" s="1" t="str">
        <f t="shared" ca="1" si="58"/>
        <v/>
      </c>
      <c r="AB97" s="1" t="str">
        <f t="shared" ca="1" si="59"/>
        <v/>
      </c>
      <c r="AC97" s="1" t="str">
        <f t="shared" ca="1" si="60"/>
        <v/>
      </c>
      <c r="AD97" s="1" t="str">
        <f t="shared" ca="1" si="61"/>
        <v/>
      </c>
      <c r="AE97" s="1" t="str">
        <f t="shared" ca="1" si="62"/>
        <v/>
      </c>
      <c r="AF97" s="1" t="str">
        <f t="shared" ca="1" si="63"/>
        <v/>
      </c>
      <c r="AG97" s="1" t="str">
        <f t="shared" ca="1" si="64"/>
        <v/>
      </c>
    </row>
    <row r="98" spans="1:33" x14ac:dyDescent="0.25">
      <c r="A98" s="1">
        <v>93</v>
      </c>
      <c r="B98" s="1">
        <f t="shared" ca="1" si="34"/>
        <v>0</v>
      </c>
      <c r="D98" s="1" t="str">
        <f t="shared" ca="1" si="35"/>
        <v>T</v>
      </c>
      <c r="E98" s="1" t="str">
        <f t="shared" ca="1" si="36"/>
        <v>T</v>
      </c>
      <c r="F98" s="1" t="str">
        <f t="shared" ca="1" si="37"/>
        <v>T</v>
      </c>
      <c r="G98" s="1" t="str">
        <f t="shared" ca="1" si="38"/>
        <v>T</v>
      </c>
      <c r="H98" s="1" t="str">
        <f t="shared" ca="1" si="39"/>
        <v>T</v>
      </c>
      <c r="I98" s="1" t="str">
        <f t="shared" ca="1" si="40"/>
        <v>T</v>
      </c>
      <c r="J98" s="1" t="str">
        <f t="shared" ca="1" si="41"/>
        <v/>
      </c>
      <c r="K98" s="1" t="str">
        <f t="shared" ca="1" si="42"/>
        <v/>
      </c>
      <c r="L98" s="1" t="str">
        <f t="shared" ca="1" si="43"/>
        <v/>
      </c>
      <c r="M98" s="1" t="str">
        <f t="shared" ca="1" si="44"/>
        <v/>
      </c>
      <c r="N98" s="1" t="str">
        <f t="shared" ca="1" si="45"/>
        <v/>
      </c>
      <c r="O98" s="1" t="str">
        <f t="shared" ca="1" si="46"/>
        <v/>
      </c>
      <c r="P98" s="1" t="str">
        <f t="shared" ca="1" si="47"/>
        <v/>
      </c>
      <c r="Q98" s="1" t="str">
        <f t="shared" ca="1" si="48"/>
        <v/>
      </c>
      <c r="R98" s="1" t="str">
        <f t="shared" ca="1" si="49"/>
        <v/>
      </c>
      <c r="S98" s="1" t="str">
        <f t="shared" ca="1" si="50"/>
        <v/>
      </c>
      <c r="T98" s="1" t="str">
        <f t="shared" ca="1" si="51"/>
        <v/>
      </c>
      <c r="U98" s="1" t="str">
        <f t="shared" ca="1" si="52"/>
        <v/>
      </c>
      <c r="V98" s="1" t="str">
        <f t="shared" ca="1" si="53"/>
        <v/>
      </c>
      <c r="W98" s="1" t="str">
        <f t="shared" ca="1" si="54"/>
        <v/>
      </c>
      <c r="X98" s="1" t="str">
        <f t="shared" ca="1" si="55"/>
        <v/>
      </c>
      <c r="Y98" s="1" t="str">
        <f t="shared" ca="1" si="56"/>
        <v/>
      </c>
      <c r="Z98" s="1" t="str">
        <f t="shared" ca="1" si="57"/>
        <v/>
      </c>
      <c r="AA98" s="1" t="str">
        <f t="shared" ca="1" si="58"/>
        <v/>
      </c>
      <c r="AB98" s="1" t="str">
        <f t="shared" ca="1" si="59"/>
        <v/>
      </c>
      <c r="AC98" s="1" t="str">
        <f t="shared" ca="1" si="60"/>
        <v/>
      </c>
      <c r="AD98" s="1" t="str">
        <f t="shared" ca="1" si="61"/>
        <v/>
      </c>
      <c r="AE98" s="1" t="str">
        <f t="shared" ca="1" si="62"/>
        <v/>
      </c>
      <c r="AF98" s="1" t="str">
        <f t="shared" ca="1" si="63"/>
        <v/>
      </c>
      <c r="AG98" s="1" t="str">
        <f t="shared" ca="1" si="64"/>
        <v/>
      </c>
    </row>
    <row r="99" spans="1:33" x14ac:dyDescent="0.25">
      <c r="A99" s="1">
        <v>94</v>
      </c>
      <c r="B99" s="1">
        <f t="shared" ca="1" si="34"/>
        <v>0</v>
      </c>
      <c r="D99" s="1" t="str">
        <f t="shared" ca="1" si="35"/>
        <v>T</v>
      </c>
      <c r="E99" s="1" t="str">
        <f t="shared" ca="1" si="36"/>
        <v>T</v>
      </c>
      <c r="F99" s="1" t="str">
        <f t="shared" ca="1" si="37"/>
        <v>T</v>
      </c>
      <c r="G99" s="1" t="str">
        <f t="shared" ca="1" si="38"/>
        <v>T</v>
      </c>
      <c r="H99" s="1" t="str">
        <f t="shared" ca="1" si="39"/>
        <v>T</v>
      </c>
      <c r="I99" s="1" t="str">
        <f t="shared" ca="1" si="40"/>
        <v>T</v>
      </c>
      <c r="J99" s="1" t="str">
        <f t="shared" ca="1" si="41"/>
        <v/>
      </c>
      <c r="K99" s="1" t="str">
        <f t="shared" ca="1" si="42"/>
        <v/>
      </c>
      <c r="L99" s="1" t="str">
        <f t="shared" ca="1" si="43"/>
        <v/>
      </c>
      <c r="M99" s="1" t="str">
        <f t="shared" ca="1" si="44"/>
        <v/>
      </c>
      <c r="N99" s="1" t="str">
        <f t="shared" ca="1" si="45"/>
        <v/>
      </c>
      <c r="O99" s="1" t="str">
        <f t="shared" ca="1" si="46"/>
        <v/>
      </c>
      <c r="P99" s="1" t="str">
        <f t="shared" ca="1" si="47"/>
        <v/>
      </c>
      <c r="Q99" s="1" t="str">
        <f t="shared" ca="1" si="48"/>
        <v/>
      </c>
      <c r="R99" s="1" t="str">
        <f t="shared" ca="1" si="49"/>
        <v/>
      </c>
      <c r="S99" s="1" t="str">
        <f t="shared" ca="1" si="50"/>
        <v/>
      </c>
      <c r="T99" s="1" t="str">
        <f t="shared" ca="1" si="51"/>
        <v/>
      </c>
      <c r="U99" s="1" t="str">
        <f t="shared" ca="1" si="52"/>
        <v/>
      </c>
      <c r="V99" s="1" t="str">
        <f t="shared" ca="1" si="53"/>
        <v/>
      </c>
      <c r="W99" s="1" t="str">
        <f t="shared" ca="1" si="54"/>
        <v/>
      </c>
      <c r="X99" s="1" t="str">
        <f t="shared" ca="1" si="55"/>
        <v/>
      </c>
      <c r="Y99" s="1" t="str">
        <f t="shared" ca="1" si="56"/>
        <v/>
      </c>
      <c r="Z99" s="1" t="str">
        <f t="shared" ca="1" si="57"/>
        <v/>
      </c>
      <c r="AA99" s="1" t="str">
        <f t="shared" ca="1" si="58"/>
        <v/>
      </c>
      <c r="AB99" s="1" t="str">
        <f t="shared" ca="1" si="59"/>
        <v/>
      </c>
      <c r="AC99" s="1" t="str">
        <f t="shared" ca="1" si="60"/>
        <v/>
      </c>
      <c r="AD99" s="1" t="str">
        <f t="shared" ca="1" si="61"/>
        <v/>
      </c>
      <c r="AE99" s="1" t="str">
        <f t="shared" ca="1" si="62"/>
        <v/>
      </c>
      <c r="AF99" s="1" t="str">
        <f t="shared" ca="1" si="63"/>
        <v/>
      </c>
      <c r="AG99" s="1" t="str">
        <f t="shared" ca="1" si="64"/>
        <v/>
      </c>
    </row>
    <row r="100" spans="1:33" x14ac:dyDescent="0.25">
      <c r="A100" s="1">
        <v>95</v>
      </c>
      <c r="B100" s="1">
        <f t="shared" ca="1" si="34"/>
        <v>0</v>
      </c>
      <c r="D100" s="1" t="str">
        <f t="shared" ca="1" si="35"/>
        <v>T</v>
      </c>
      <c r="E100" s="1" t="str">
        <f t="shared" ca="1" si="36"/>
        <v>T</v>
      </c>
      <c r="F100" s="1" t="str">
        <f t="shared" ca="1" si="37"/>
        <v>T</v>
      </c>
      <c r="G100" s="1" t="str">
        <f t="shared" ca="1" si="38"/>
        <v>T</v>
      </c>
      <c r="H100" s="1" t="str">
        <f t="shared" ca="1" si="39"/>
        <v>T</v>
      </c>
      <c r="I100" s="1" t="str">
        <f t="shared" ca="1" si="40"/>
        <v>T</v>
      </c>
      <c r="J100" s="1" t="str">
        <f t="shared" ca="1" si="41"/>
        <v/>
      </c>
      <c r="K100" s="1" t="str">
        <f t="shared" ca="1" si="42"/>
        <v/>
      </c>
      <c r="L100" s="1" t="str">
        <f t="shared" ca="1" si="43"/>
        <v/>
      </c>
      <c r="M100" s="1" t="str">
        <f t="shared" ca="1" si="44"/>
        <v/>
      </c>
      <c r="N100" s="1" t="str">
        <f t="shared" ca="1" si="45"/>
        <v/>
      </c>
      <c r="O100" s="1" t="str">
        <f t="shared" ca="1" si="46"/>
        <v/>
      </c>
      <c r="P100" s="1" t="str">
        <f t="shared" ca="1" si="47"/>
        <v/>
      </c>
      <c r="Q100" s="1" t="str">
        <f t="shared" ca="1" si="48"/>
        <v/>
      </c>
      <c r="R100" s="1" t="str">
        <f t="shared" ca="1" si="49"/>
        <v/>
      </c>
      <c r="S100" s="1" t="str">
        <f t="shared" ca="1" si="50"/>
        <v/>
      </c>
      <c r="T100" s="1" t="str">
        <f t="shared" ca="1" si="51"/>
        <v/>
      </c>
      <c r="U100" s="1" t="str">
        <f t="shared" ca="1" si="52"/>
        <v/>
      </c>
      <c r="V100" s="1" t="str">
        <f t="shared" ca="1" si="53"/>
        <v/>
      </c>
      <c r="W100" s="1" t="str">
        <f t="shared" ca="1" si="54"/>
        <v/>
      </c>
      <c r="X100" s="1" t="str">
        <f t="shared" ca="1" si="55"/>
        <v/>
      </c>
      <c r="Y100" s="1" t="str">
        <f t="shared" ca="1" si="56"/>
        <v/>
      </c>
      <c r="Z100" s="1" t="str">
        <f t="shared" ca="1" si="57"/>
        <v/>
      </c>
      <c r="AA100" s="1" t="str">
        <f t="shared" ca="1" si="58"/>
        <v/>
      </c>
      <c r="AB100" s="1" t="str">
        <f t="shared" ca="1" si="59"/>
        <v/>
      </c>
      <c r="AC100" s="1" t="str">
        <f t="shared" ca="1" si="60"/>
        <v/>
      </c>
      <c r="AD100" s="1" t="str">
        <f t="shared" ca="1" si="61"/>
        <v/>
      </c>
      <c r="AE100" s="1" t="str">
        <f t="shared" ca="1" si="62"/>
        <v/>
      </c>
      <c r="AF100" s="1" t="str">
        <f t="shared" ca="1" si="63"/>
        <v/>
      </c>
      <c r="AG100" s="1" t="str">
        <f t="shared" ca="1" si="64"/>
        <v/>
      </c>
    </row>
    <row r="101" spans="1:33" x14ac:dyDescent="0.25">
      <c r="A101" s="1">
        <v>96</v>
      </c>
      <c r="B101" s="1">
        <f t="shared" ca="1" si="34"/>
        <v>0</v>
      </c>
      <c r="D101" s="1" t="str">
        <f t="shared" ca="1" si="35"/>
        <v>T</v>
      </c>
      <c r="E101" s="1" t="str">
        <f t="shared" ca="1" si="36"/>
        <v>T</v>
      </c>
      <c r="F101" s="1" t="str">
        <f t="shared" ca="1" si="37"/>
        <v>T</v>
      </c>
      <c r="G101" s="1" t="str">
        <f t="shared" ca="1" si="38"/>
        <v>T</v>
      </c>
      <c r="H101" s="1" t="str">
        <f t="shared" ca="1" si="39"/>
        <v>T</v>
      </c>
      <c r="I101" s="1" t="str">
        <f t="shared" ca="1" si="40"/>
        <v>T</v>
      </c>
      <c r="J101" s="1" t="str">
        <f t="shared" ca="1" si="41"/>
        <v/>
      </c>
      <c r="K101" s="1" t="str">
        <f t="shared" ca="1" si="42"/>
        <v/>
      </c>
      <c r="L101" s="1" t="str">
        <f t="shared" ca="1" si="43"/>
        <v/>
      </c>
      <c r="M101" s="1" t="str">
        <f t="shared" ca="1" si="44"/>
        <v/>
      </c>
      <c r="N101" s="1" t="str">
        <f t="shared" ca="1" si="45"/>
        <v/>
      </c>
      <c r="O101" s="1" t="str">
        <f t="shared" ca="1" si="46"/>
        <v/>
      </c>
      <c r="P101" s="1" t="str">
        <f t="shared" ca="1" si="47"/>
        <v/>
      </c>
      <c r="Q101" s="1" t="str">
        <f t="shared" ca="1" si="48"/>
        <v/>
      </c>
      <c r="R101" s="1" t="str">
        <f t="shared" ca="1" si="49"/>
        <v/>
      </c>
      <c r="S101" s="1" t="str">
        <f t="shared" ca="1" si="50"/>
        <v/>
      </c>
      <c r="T101" s="1" t="str">
        <f t="shared" ca="1" si="51"/>
        <v/>
      </c>
      <c r="U101" s="1" t="str">
        <f t="shared" ca="1" si="52"/>
        <v/>
      </c>
      <c r="V101" s="1" t="str">
        <f t="shared" ca="1" si="53"/>
        <v/>
      </c>
      <c r="W101" s="1" t="str">
        <f t="shared" ca="1" si="54"/>
        <v/>
      </c>
      <c r="X101" s="1" t="str">
        <f t="shared" ca="1" si="55"/>
        <v/>
      </c>
      <c r="Y101" s="1" t="str">
        <f t="shared" ca="1" si="56"/>
        <v/>
      </c>
      <c r="Z101" s="1" t="str">
        <f t="shared" ca="1" si="57"/>
        <v/>
      </c>
      <c r="AA101" s="1" t="str">
        <f t="shared" ca="1" si="58"/>
        <v/>
      </c>
      <c r="AB101" s="1" t="str">
        <f t="shared" ca="1" si="59"/>
        <v/>
      </c>
      <c r="AC101" s="1" t="str">
        <f t="shared" ca="1" si="60"/>
        <v/>
      </c>
      <c r="AD101" s="1" t="str">
        <f t="shared" ca="1" si="61"/>
        <v/>
      </c>
      <c r="AE101" s="1" t="str">
        <f t="shared" ca="1" si="62"/>
        <v/>
      </c>
      <c r="AF101" s="1" t="str">
        <f t="shared" ca="1" si="63"/>
        <v/>
      </c>
      <c r="AG101" s="1" t="str">
        <f t="shared" ca="1" si="64"/>
        <v/>
      </c>
    </row>
    <row r="102" spans="1:33" x14ac:dyDescent="0.25">
      <c r="A102" s="1">
        <v>97</v>
      </c>
      <c r="B102" s="1">
        <f t="shared" ca="1" si="34"/>
        <v>0</v>
      </c>
      <c r="D102" s="1" t="str">
        <f t="shared" ca="1" si="35"/>
        <v>T</v>
      </c>
      <c r="E102" s="1" t="str">
        <f t="shared" ca="1" si="36"/>
        <v>T</v>
      </c>
      <c r="F102" s="1" t="str">
        <f t="shared" ca="1" si="37"/>
        <v>T</v>
      </c>
      <c r="G102" s="1" t="str">
        <f t="shared" ca="1" si="38"/>
        <v>T</v>
      </c>
      <c r="H102" s="1" t="str">
        <f t="shared" ca="1" si="39"/>
        <v>T</v>
      </c>
      <c r="I102" s="1" t="str">
        <f t="shared" ca="1" si="40"/>
        <v>T</v>
      </c>
      <c r="J102" s="1" t="str">
        <f t="shared" ca="1" si="41"/>
        <v/>
      </c>
      <c r="K102" s="1" t="str">
        <f t="shared" ca="1" si="42"/>
        <v/>
      </c>
      <c r="L102" s="1" t="str">
        <f t="shared" ca="1" si="43"/>
        <v/>
      </c>
      <c r="M102" s="1" t="str">
        <f t="shared" ca="1" si="44"/>
        <v/>
      </c>
      <c r="N102" s="1" t="str">
        <f t="shared" ca="1" si="45"/>
        <v/>
      </c>
      <c r="O102" s="1" t="str">
        <f t="shared" ca="1" si="46"/>
        <v/>
      </c>
      <c r="P102" s="1" t="str">
        <f t="shared" ca="1" si="47"/>
        <v/>
      </c>
      <c r="Q102" s="1" t="str">
        <f t="shared" ca="1" si="48"/>
        <v/>
      </c>
      <c r="R102" s="1" t="str">
        <f t="shared" ca="1" si="49"/>
        <v/>
      </c>
      <c r="S102" s="1" t="str">
        <f t="shared" ca="1" si="50"/>
        <v/>
      </c>
      <c r="T102" s="1" t="str">
        <f t="shared" ca="1" si="51"/>
        <v/>
      </c>
      <c r="U102" s="1" t="str">
        <f t="shared" ca="1" si="52"/>
        <v/>
      </c>
      <c r="V102" s="1" t="str">
        <f t="shared" ca="1" si="53"/>
        <v/>
      </c>
      <c r="W102" s="1" t="str">
        <f t="shared" ca="1" si="54"/>
        <v/>
      </c>
      <c r="X102" s="1" t="str">
        <f t="shared" ca="1" si="55"/>
        <v/>
      </c>
      <c r="Y102" s="1" t="str">
        <f t="shared" ca="1" si="56"/>
        <v/>
      </c>
      <c r="Z102" s="1" t="str">
        <f t="shared" ca="1" si="57"/>
        <v/>
      </c>
      <c r="AA102" s="1" t="str">
        <f t="shared" ca="1" si="58"/>
        <v/>
      </c>
      <c r="AB102" s="1" t="str">
        <f t="shared" ca="1" si="59"/>
        <v/>
      </c>
      <c r="AC102" s="1" t="str">
        <f t="shared" ca="1" si="60"/>
        <v/>
      </c>
      <c r="AD102" s="1" t="str">
        <f t="shared" ca="1" si="61"/>
        <v/>
      </c>
      <c r="AE102" s="1" t="str">
        <f t="shared" ca="1" si="62"/>
        <v/>
      </c>
      <c r="AF102" s="1" t="str">
        <f t="shared" ca="1" si="63"/>
        <v/>
      </c>
      <c r="AG102" s="1" t="str">
        <f t="shared" ca="1" si="64"/>
        <v/>
      </c>
    </row>
    <row r="103" spans="1:33" x14ac:dyDescent="0.25">
      <c r="A103" s="1">
        <v>98</v>
      </c>
      <c r="B103" s="1">
        <f t="shared" ca="1" si="34"/>
        <v>0</v>
      </c>
      <c r="D103" s="1" t="str">
        <f t="shared" ca="1" si="35"/>
        <v>T</v>
      </c>
      <c r="E103" s="1" t="str">
        <f t="shared" ca="1" si="36"/>
        <v>T</v>
      </c>
      <c r="F103" s="1" t="str">
        <f t="shared" ca="1" si="37"/>
        <v>T</v>
      </c>
      <c r="G103" s="1" t="str">
        <f t="shared" ca="1" si="38"/>
        <v>T</v>
      </c>
      <c r="H103" s="1" t="str">
        <f t="shared" ca="1" si="39"/>
        <v>T</v>
      </c>
      <c r="I103" s="1" t="str">
        <f t="shared" ca="1" si="40"/>
        <v>T</v>
      </c>
      <c r="J103" s="1" t="str">
        <f t="shared" ca="1" si="41"/>
        <v/>
      </c>
      <c r="K103" s="1" t="str">
        <f t="shared" ca="1" si="42"/>
        <v/>
      </c>
      <c r="L103" s="1" t="str">
        <f t="shared" ca="1" si="43"/>
        <v/>
      </c>
      <c r="M103" s="1" t="str">
        <f t="shared" ca="1" si="44"/>
        <v/>
      </c>
      <c r="N103" s="1" t="str">
        <f t="shared" ca="1" si="45"/>
        <v/>
      </c>
      <c r="O103" s="1" t="str">
        <f t="shared" ca="1" si="46"/>
        <v/>
      </c>
      <c r="P103" s="1" t="str">
        <f t="shared" ca="1" si="47"/>
        <v/>
      </c>
      <c r="Q103" s="1" t="str">
        <f t="shared" ca="1" si="48"/>
        <v/>
      </c>
      <c r="R103" s="1" t="str">
        <f t="shared" ca="1" si="49"/>
        <v/>
      </c>
      <c r="S103" s="1" t="str">
        <f t="shared" ca="1" si="50"/>
        <v/>
      </c>
      <c r="T103" s="1" t="str">
        <f t="shared" ca="1" si="51"/>
        <v/>
      </c>
      <c r="U103" s="1" t="str">
        <f t="shared" ca="1" si="52"/>
        <v/>
      </c>
      <c r="V103" s="1" t="str">
        <f t="shared" ca="1" si="53"/>
        <v/>
      </c>
      <c r="W103" s="1" t="str">
        <f t="shared" ca="1" si="54"/>
        <v/>
      </c>
      <c r="X103" s="1" t="str">
        <f t="shared" ca="1" si="55"/>
        <v/>
      </c>
      <c r="Y103" s="1" t="str">
        <f t="shared" ca="1" si="56"/>
        <v/>
      </c>
      <c r="Z103" s="1" t="str">
        <f t="shared" ca="1" si="57"/>
        <v/>
      </c>
      <c r="AA103" s="1" t="str">
        <f t="shared" ca="1" si="58"/>
        <v/>
      </c>
      <c r="AB103" s="1" t="str">
        <f t="shared" ca="1" si="59"/>
        <v/>
      </c>
      <c r="AC103" s="1" t="str">
        <f t="shared" ca="1" si="60"/>
        <v/>
      </c>
      <c r="AD103" s="1" t="str">
        <f t="shared" ca="1" si="61"/>
        <v/>
      </c>
      <c r="AE103" s="1" t="str">
        <f t="shared" ca="1" si="62"/>
        <v/>
      </c>
      <c r="AF103" s="1" t="str">
        <f t="shared" ca="1" si="63"/>
        <v/>
      </c>
      <c r="AG103" s="1" t="str">
        <f t="shared" ca="1" si="64"/>
        <v/>
      </c>
    </row>
    <row r="104" spans="1:33" x14ac:dyDescent="0.25">
      <c r="A104" s="1">
        <v>99</v>
      </c>
      <c r="B104" s="1">
        <f t="shared" ca="1" si="34"/>
        <v>0</v>
      </c>
      <c r="D104" s="1" t="str">
        <f t="shared" ca="1" si="35"/>
        <v>T</v>
      </c>
      <c r="E104" s="1" t="str">
        <f t="shared" ca="1" si="36"/>
        <v>T</v>
      </c>
      <c r="F104" s="1" t="str">
        <f t="shared" ca="1" si="37"/>
        <v>T</v>
      </c>
      <c r="G104" s="1" t="str">
        <f t="shared" ca="1" si="38"/>
        <v>T</v>
      </c>
      <c r="H104" s="1" t="str">
        <f t="shared" ca="1" si="39"/>
        <v>T</v>
      </c>
      <c r="I104" s="1" t="str">
        <f t="shared" ca="1" si="40"/>
        <v>T</v>
      </c>
      <c r="J104" s="1" t="str">
        <f t="shared" ca="1" si="41"/>
        <v/>
      </c>
      <c r="K104" s="1" t="str">
        <f t="shared" ca="1" si="42"/>
        <v/>
      </c>
      <c r="L104" s="1" t="str">
        <f t="shared" ca="1" si="43"/>
        <v/>
      </c>
      <c r="M104" s="1" t="str">
        <f t="shared" ca="1" si="44"/>
        <v/>
      </c>
      <c r="N104" s="1" t="str">
        <f t="shared" ca="1" si="45"/>
        <v/>
      </c>
      <c r="O104" s="1" t="str">
        <f t="shared" ca="1" si="46"/>
        <v/>
      </c>
      <c r="P104" s="1" t="str">
        <f t="shared" ca="1" si="47"/>
        <v/>
      </c>
      <c r="Q104" s="1" t="str">
        <f t="shared" ca="1" si="48"/>
        <v/>
      </c>
      <c r="R104" s="1" t="str">
        <f t="shared" ca="1" si="49"/>
        <v/>
      </c>
      <c r="S104" s="1" t="str">
        <f t="shared" ca="1" si="50"/>
        <v/>
      </c>
      <c r="T104" s="1" t="str">
        <f t="shared" ca="1" si="51"/>
        <v/>
      </c>
      <c r="U104" s="1" t="str">
        <f t="shared" ca="1" si="52"/>
        <v/>
      </c>
      <c r="V104" s="1" t="str">
        <f t="shared" ca="1" si="53"/>
        <v/>
      </c>
      <c r="W104" s="1" t="str">
        <f t="shared" ca="1" si="54"/>
        <v/>
      </c>
      <c r="X104" s="1" t="str">
        <f t="shared" ca="1" si="55"/>
        <v/>
      </c>
      <c r="Y104" s="1" t="str">
        <f t="shared" ca="1" si="56"/>
        <v/>
      </c>
      <c r="Z104" s="1" t="str">
        <f t="shared" ca="1" si="57"/>
        <v/>
      </c>
      <c r="AA104" s="1" t="str">
        <f t="shared" ca="1" si="58"/>
        <v/>
      </c>
      <c r="AB104" s="1" t="str">
        <f t="shared" ca="1" si="59"/>
        <v/>
      </c>
      <c r="AC104" s="1" t="str">
        <f t="shared" ca="1" si="60"/>
        <v/>
      </c>
      <c r="AD104" s="1" t="str">
        <f t="shared" ca="1" si="61"/>
        <v/>
      </c>
      <c r="AE104" s="1" t="str">
        <f t="shared" ca="1" si="62"/>
        <v/>
      </c>
      <c r="AF104" s="1" t="str">
        <f t="shared" ca="1" si="63"/>
        <v/>
      </c>
      <c r="AG104" s="1" t="str">
        <f t="shared" ca="1" si="64"/>
        <v/>
      </c>
    </row>
    <row r="105" spans="1:33" x14ac:dyDescent="0.25">
      <c r="A105" s="1">
        <v>100</v>
      </c>
      <c r="B105" s="1">
        <f t="shared" ca="1" si="34"/>
        <v>0</v>
      </c>
      <c r="D105" s="1" t="str">
        <f t="shared" ca="1" si="35"/>
        <v>T</v>
      </c>
      <c r="E105" s="1" t="str">
        <f t="shared" ca="1" si="36"/>
        <v>T</v>
      </c>
      <c r="F105" s="1" t="str">
        <f t="shared" ca="1" si="37"/>
        <v>T</v>
      </c>
      <c r="G105" s="1" t="str">
        <f t="shared" ca="1" si="38"/>
        <v>T</v>
      </c>
      <c r="H105" s="1" t="str">
        <f t="shared" ca="1" si="39"/>
        <v>T</v>
      </c>
      <c r="I105" s="1" t="str">
        <f t="shared" ca="1" si="40"/>
        <v>T</v>
      </c>
      <c r="J105" s="1" t="str">
        <f t="shared" ca="1" si="41"/>
        <v/>
      </c>
      <c r="K105" s="1" t="str">
        <f t="shared" ca="1" si="42"/>
        <v/>
      </c>
      <c r="L105" s="1" t="str">
        <f t="shared" ca="1" si="43"/>
        <v/>
      </c>
      <c r="M105" s="1" t="str">
        <f t="shared" ca="1" si="44"/>
        <v/>
      </c>
      <c r="N105" s="1" t="str">
        <f t="shared" ca="1" si="45"/>
        <v/>
      </c>
      <c r="O105" s="1" t="str">
        <f t="shared" ca="1" si="46"/>
        <v/>
      </c>
      <c r="P105" s="1" t="str">
        <f t="shared" ca="1" si="47"/>
        <v/>
      </c>
      <c r="Q105" s="1" t="str">
        <f t="shared" ca="1" si="48"/>
        <v/>
      </c>
      <c r="R105" s="1" t="str">
        <f t="shared" ca="1" si="49"/>
        <v/>
      </c>
      <c r="S105" s="1" t="str">
        <f t="shared" ca="1" si="50"/>
        <v/>
      </c>
      <c r="T105" s="1" t="str">
        <f t="shared" ca="1" si="51"/>
        <v/>
      </c>
      <c r="U105" s="1" t="str">
        <f t="shared" ca="1" si="52"/>
        <v/>
      </c>
      <c r="V105" s="1" t="str">
        <f t="shared" ca="1" si="53"/>
        <v/>
      </c>
      <c r="W105" s="1" t="str">
        <f t="shared" ca="1" si="54"/>
        <v/>
      </c>
      <c r="X105" s="1" t="str">
        <f t="shared" ca="1" si="55"/>
        <v/>
      </c>
      <c r="Y105" s="1" t="str">
        <f t="shared" ca="1" si="56"/>
        <v/>
      </c>
      <c r="Z105" s="1" t="str">
        <f t="shared" ca="1" si="57"/>
        <v/>
      </c>
      <c r="AA105" s="1" t="str">
        <f t="shared" ca="1" si="58"/>
        <v/>
      </c>
      <c r="AB105" s="1" t="str">
        <f t="shared" ca="1" si="59"/>
        <v/>
      </c>
      <c r="AC105" s="1" t="str">
        <f t="shared" ca="1" si="60"/>
        <v/>
      </c>
      <c r="AD105" s="1" t="str">
        <f t="shared" ca="1" si="61"/>
        <v/>
      </c>
      <c r="AE105" s="1" t="str">
        <f t="shared" ca="1" si="62"/>
        <v/>
      </c>
      <c r="AF105" s="1" t="str">
        <f t="shared" ca="1" si="63"/>
        <v/>
      </c>
      <c r="AG105" s="1" t="str">
        <f t="shared" ca="1" si="64"/>
        <v/>
      </c>
    </row>
  </sheetData>
  <mergeCells count="33">
    <mergeCell ref="A3:A4"/>
    <mergeCell ref="B3:B4"/>
    <mergeCell ref="D3:D4"/>
    <mergeCell ref="E3:E4"/>
    <mergeCell ref="F3:F4"/>
    <mergeCell ref="AA3:AA4"/>
    <mergeCell ref="AB3:AB4"/>
    <mergeCell ref="Q3:Q4"/>
    <mergeCell ref="R3:R4"/>
    <mergeCell ref="S3:S4"/>
    <mergeCell ref="T3:T4"/>
    <mergeCell ref="U3:U4"/>
    <mergeCell ref="V3:V4"/>
    <mergeCell ref="C3:C4"/>
    <mergeCell ref="W3:W4"/>
    <mergeCell ref="X3:X4"/>
    <mergeCell ref="Y3:Y4"/>
    <mergeCell ref="Z3:Z4"/>
    <mergeCell ref="K3:K4"/>
    <mergeCell ref="L3:L4"/>
    <mergeCell ref="M3:M4"/>
    <mergeCell ref="N3:N4"/>
    <mergeCell ref="O3:O4"/>
    <mergeCell ref="P3:P4"/>
    <mergeCell ref="G3:G4"/>
    <mergeCell ref="H3:H4"/>
    <mergeCell ref="I3:I4"/>
    <mergeCell ref="J3:J4"/>
    <mergeCell ref="AC3:AC4"/>
    <mergeCell ref="AD3:AD4"/>
    <mergeCell ref="AE3:AE4"/>
    <mergeCell ref="AF3:AF4"/>
    <mergeCell ref="AG3:AG4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Munkalapok</vt:lpstr>
      </vt:variant>
      <vt:variant>
        <vt:i4>1</vt:i4>
      </vt:variant>
    </vt:vector>
  </HeadingPairs>
  <TitlesOfParts>
    <vt:vector size="1" baseType="lpstr">
      <vt:lpstr>bathbankj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inek Milán</dc:creator>
  <cp:lastModifiedBy>Hinek Milán</cp:lastModifiedBy>
  <dcterms:created xsi:type="dcterms:W3CDTF">2023-03-11T15:38:07Z</dcterms:created>
  <dcterms:modified xsi:type="dcterms:W3CDTF">2023-03-14T21:01:18Z</dcterms:modified>
</cp:coreProperties>
</file>